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03_年齢別\R5年齢別\05_ホームページ用\"/>
    </mc:Choice>
  </mc:AlternateContent>
  <bookViews>
    <workbookView xWindow="-15" yWindow="-15" windowWidth="20550" windowHeight="4140" tabRatio="916"/>
  </bookViews>
  <sheets>
    <sheet name="表１・２" sheetId="4" r:id="rId1"/>
    <sheet name="表３" sheetId="5" r:id="rId2"/>
    <sheet name="表４・5" sheetId="6" r:id="rId3"/>
    <sheet name="表６" sheetId="7" r:id="rId4"/>
    <sheet name="表７" sheetId="8" r:id="rId5"/>
    <sheet name="表８" sheetId="9" r:id="rId6"/>
    <sheet name="表９" sheetId="10" r:id="rId7"/>
    <sheet name="表10" sheetId="11" r:id="rId8"/>
    <sheet name="表11-1" sheetId="12" r:id="rId9"/>
    <sheet name="表11-2" sheetId="13" r:id="rId10"/>
    <sheet name="表11-3" sheetId="14" r:id="rId11"/>
    <sheet name="表12" sheetId="15" r:id="rId12"/>
    <sheet name="表13" sheetId="16" r:id="rId13"/>
    <sheet name="表14" sheetId="17" r:id="rId14"/>
    <sheet name="表15-1" sheetId="18" r:id="rId15"/>
    <sheet name="表15-2" sheetId="19" r:id="rId16"/>
    <sheet name="表15-3" sheetId="20" r:id="rId17"/>
    <sheet name="表15-4" sheetId="21" r:id="rId18"/>
    <sheet name="表15-5" sheetId="22" r:id="rId19"/>
    <sheet name="表15-6" sheetId="23" r:id="rId20"/>
    <sheet name="表15-7" sheetId="24" r:id="rId21"/>
    <sheet name="表16-1" sheetId="25" r:id="rId22"/>
    <sheet name="表16-2" sheetId="26" r:id="rId23"/>
    <sheet name="表16-3" sheetId="27" r:id="rId24"/>
    <sheet name="表16-4" sheetId="28" r:id="rId25"/>
    <sheet name="表16-5" sheetId="29" r:id="rId26"/>
    <sheet name="表16-6" sheetId="30" r:id="rId27"/>
    <sheet name="表16-7" sheetId="31" r:id="rId28"/>
    <sheet name="表17-1" sheetId="32" r:id="rId29"/>
    <sheet name="表17-2" sheetId="33" r:id="rId30"/>
    <sheet name="表17-3" sheetId="34" r:id="rId31"/>
    <sheet name="表17-4" sheetId="35" r:id="rId32"/>
  </sheets>
  <definedNames>
    <definedName name="_xlnm.Print_Area" localSheetId="0">表１・２!$A$1:$H$58</definedName>
    <definedName name="_xlnm.Print_Area" localSheetId="8">'表11-1'!$A$1:$V$80</definedName>
    <definedName name="_xlnm.Print_Area" localSheetId="9">'表11-2'!$A$1:$V$80</definedName>
    <definedName name="_xlnm.Print_Area" localSheetId="10">'表11-3'!$A$1:$V$80</definedName>
    <definedName name="_xlnm.Print_Area" localSheetId="11">表12!$A$1:$I$56</definedName>
    <definedName name="_xlnm.Print_Area" localSheetId="12">表13!$A$1:$K$63</definedName>
    <definedName name="_xlnm.Print_Area" localSheetId="13">表14!$A$1:$K$79</definedName>
    <definedName name="_xlnm.Print_Area" localSheetId="14">'表15-1'!$A$1:$AF$38</definedName>
    <definedName name="_xlnm.Print_Area" localSheetId="15">'表15-2'!$A$1:$AF$38</definedName>
    <definedName name="_xlnm.Print_Area" localSheetId="16">'表15-3'!$A$1:$AF$38</definedName>
    <definedName name="_xlnm.Print_Area" localSheetId="17">'表15-4'!$A$1:$AF$38</definedName>
    <definedName name="_xlnm.Print_Area" localSheetId="18">'表15-5'!$A$1:$AF$38</definedName>
    <definedName name="_xlnm.Print_Area" localSheetId="19">'表15-6'!$A$1:$AF$38</definedName>
    <definedName name="_xlnm.Print_Area" localSheetId="20">'表15-7'!$A$1:$AF$38</definedName>
    <definedName name="_xlnm.Print_Area" localSheetId="28">'表17-1'!$A$1:$N$73</definedName>
    <definedName name="_xlnm.Print_Area" localSheetId="29">'表17-2'!$A$1:$N$71</definedName>
    <definedName name="_xlnm.Print_Area" localSheetId="30">'表17-3'!$A$1:$N$73</definedName>
    <definedName name="_xlnm.Print_Area" localSheetId="31">'表17-4'!$A$1:$N$73</definedName>
    <definedName name="_xlnm.Print_Area" localSheetId="1">表３!$A$1:$H$72</definedName>
    <definedName name="_xlnm.Print_Area" localSheetId="2">表４・5!$A$1:$I$52</definedName>
    <definedName name="_xlnm.Print_Area" localSheetId="3">表６!$A$1:$K$38</definedName>
    <definedName name="_xlnm.Print_Area" localSheetId="4">表７!$A$1:$L$14</definedName>
    <definedName name="_xlnm.Print_Area" localSheetId="5">表８!$A$1:$I$59</definedName>
    <definedName name="_xlnm.Print_Area" localSheetId="6">表９!$A$1:$I$33</definedName>
  </definedNames>
  <calcPr calcId="162913"/>
</workbook>
</file>

<file path=xl/sharedStrings.xml><?xml version="1.0" encoding="utf-8"?>
<sst xmlns="http://schemas.openxmlformats.org/spreadsheetml/2006/main" count="4812" uniqueCount="632">
  <si>
    <t>老年人口</t>
    <rPh sb="0" eb="2">
      <t>ロウネン</t>
    </rPh>
    <rPh sb="2" eb="4">
      <t>ジンコウ</t>
    </rPh>
    <phoneticPr fontId="2"/>
  </si>
  <si>
    <t>年少人口指数</t>
    <rPh sb="0" eb="2">
      <t>ネンショウ</t>
    </rPh>
    <rPh sb="2" eb="4">
      <t>ジンコウ</t>
    </rPh>
    <rPh sb="4" eb="6">
      <t>シスウ</t>
    </rPh>
    <phoneticPr fontId="2"/>
  </si>
  <si>
    <t>神　奈　川　県</t>
    <rPh sb="0" eb="7">
      <t>カナガワケン</t>
    </rPh>
    <phoneticPr fontId="2"/>
  </si>
  <si>
    <t>総　　数</t>
    <rPh sb="0" eb="4">
      <t>ソウスウ</t>
    </rPh>
    <phoneticPr fontId="2"/>
  </si>
  <si>
    <t>年少人口</t>
    <rPh sb="0" eb="2">
      <t>ネンショウ</t>
    </rPh>
    <rPh sb="2" eb="4">
      <t>ジンコウ</t>
    </rPh>
    <phoneticPr fontId="2"/>
  </si>
  <si>
    <t>生産年齢人口</t>
    <rPh sb="0" eb="2">
      <t>セイサン</t>
    </rPh>
    <rPh sb="2" eb="4">
      <t>ネンレイ</t>
    </rPh>
    <rPh sb="4" eb="6">
      <t>ジンコウ</t>
    </rPh>
    <phoneticPr fontId="2"/>
  </si>
  <si>
    <t>（各年１月１日現在）</t>
    <rPh sb="1" eb="2">
      <t>カク</t>
    </rPh>
    <rPh sb="2" eb="3">
      <t>ネン</t>
    </rPh>
    <rPh sb="4" eb="5">
      <t>ツキ</t>
    </rPh>
    <rPh sb="6" eb="7">
      <t>ヒ</t>
    </rPh>
    <rPh sb="7" eb="9">
      <t>ゲンザイ</t>
    </rPh>
    <phoneticPr fontId="2"/>
  </si>
  <si>
    <t>(15～64歳）</t>
    <rPh sb="6" eb="7">
      <t>サイ</t>
    </rPh>
    <phoneticPr fontId="2"/>
  </si>
  <si>
    <t>(65歳以上）</t>
    <rPh sb="3" eb="4">
      <t>サイ</t>
    </rPh>
    <rPh sb="4" eb="6">
      <t>イジョウ</t>
    </rPh>
    <phoneticPr fontId="2"/>
  </si>
  <si>
    <t>実　　数</t>
    <rPh sb="0" eb="1">
      <t>ジツ</t>
    </rPh>
    <rPh sb="3" eb="4">
      <t>スウ</t>
    </rPh>
    <phoneticPr fontId="2"/>
  </si>
  <si>
    <t>人</t>
    <rPh sb="0" eb="1">
      <t>ニン</t>
    </rPh>
    <phoneticPr fontId="2"/>
  </si>
  <si>
    <t>　構　成　比</t>
    <rPh sb="1" eb="2">
      <t>コウセイヒ</t>
    </rPh>
    <rPh sb="3" eb="4">
      <t>セイ</t>
    </rPh>
    <rPh sb="5" eb="6">
      <t>ヒ</t>
    </rPh>
    <phoneticPr fontId="2"/>
  </si>
  <si>
    <t>％</t>
    <phoneticPr fontId="2"/>
  </si>
  <si>
    <t>全　　　国</t>
    <rPh sb="0" eb="1">
      <t>ゼン</t>
    </rPh>
    <rPh sb="4" eb="5">
      <t>クニ</t>
    </rPh>
    <phoneticPr fontId="2"/>
  </si>
  <si>
    <t>　実　　数</t>
    <rPh sb="1" eb="5">
      <t>ジッスウ</t>
    </rPh>
    <phoneticPr fontId="2"/>
  </si>
  <si>
    <t>老年人口指数</t>
    <rPh sb="0" eb="2">
      <t>ロウネン</t>
    </rPh>
    <rPh sb="2" eb="4">
      <t>ジンコウ</t>
    </rPh>
    <rPh sb="4" eb="6">
      <t>シスウ</t>
    </rPh>
    <phoneticPr fontId="2"/>
  </si>
  <si>
    <t>従属人口指数</t>
    <rPh sb="0" eb="2">
      <t>ジュウゾク</t>
    </rPh>
    <rPh sb="2" eb="4">
      <t>ジンコウ</t>
    </rPh>
    <rPh sb="4" eb="6">
      <t>シスウ</t>
    </rPh>
    <phoneticPr fontId="2"/>
  </si>
  <si>
    <t>老年化指数</t>
    <rPh sb="0" eb="2">
      <t>ロウネン</t>
    </rPh>
    <rPh sb="2" eb="3">
      <t>カ</t>
    </rPh>
    <rPh sb="3" eb="5">
      <t>シスウ</t>
    </rPh>
    <phoneticPr fontId="2"/>
  </si>
  <si>
    <t>神奈川県</t>
    <rPh sb="0" eb="4">
      <t>カナガワケン</t>
    </rPh>
    <phoneticPr fontId="2"/>
  </si>
  <si>
    <t>全　国</t>
    <rPh sb="0" eb="3">
      <t>ゼンコク</t>
    </rPh>
    <phoneticPr fontId="2"/>
  </si>
  <si>
    <t>【表１】年齢（３区分）別人口及び構成比の推移〈神奈川県、全国〉</t>
    <rPh sb="1" eb="2">
      <t>ヒョウ</t>
    </rPh>
    <rPh sb="4" eb="6">
      <t>ネンレイ</t>
    </rPh>
    <rPh sb="8" eb="10">
      <t>クブン</t>
    </rPh>
    <rPh sb="11" eb="12">
      <t>ベツ</t>
    </rPh>
    <rPh sb="12" eb="14">
      <t>ジンコウ</t>
    </rPh>
    <rPh sb="14" eb="15">
      <t>オヨ</t>
    </rPh>
    <rPh sb="16" eb="18">
      <t>コウセイ</t>
    </rPh>
    <rPh sb="18" eb="19">
      <t>ヒ</t>
    </rPh>
    <rPh sb="20" eb="22">
      <t>スイイ</t>
    </rPh>
    <rPh sb="23" eb="27">
      <t>カナガワケン</t>
    </rPh>
    <rPh sb="28" eb="30">
      <t>ゼンコク</t>
    </rPh>
    <phoneticPr fontId="2"/>
  </si>
  <si>
    <t>【表２】年齢構造指数の推移〈神奈川県、全国〉</t>
    <rPh sb="1" eb="2">
      <t>ヒョウ</t>
    </rPh>
    <rPh sb="4" eb="6">
      <t>ネンレイ</t>
    </rPh>
    <rPh sb="6" eb="8">
      <t>コウゾウ</t>
    </rPh>
    <rPh sb="8" eb="10">
      <t>シスウ</t>
    </rPh>
    <rPh sb="11" eb="13">
      <t>スイイ</t>
    </rPh>
    <rPh sb="14" eb="18">
      <t>カナガワケン</t>
    </rPh>
    <rPh sb="19" eb="21">
      <t>ゼンコク</t>
    </rPh>
    <phoneticPr fontId="2"/>
  </si>
  <si>
    <t>調査時点（各年１月１日現在）</t>
    <rPh sb="0" eb="2">
      <t>チョウサ</t>
    </rPh>
    <rPh sb="2" eb="4">
      <t>ジテン</t>
    </rPh>
    <rPh sb="5" eb="7">
      <t>カクネン</t>
    </rPh>
    <rPh sb="8" eb="9">
      <t>ツキ</t>
    </rPh>
    <rPh sb="10" eb="11">
      <t>ヒ</t>
    </rPh>
    <rPh sb="11" eb="13">
      <t>ゲンザイ</t>
    </rPh>
    <phoneticPr fontId="2"/>
  </si>
  <si>
    <t>構　成　比</t>
    <rPh sb="0" eb="1">
      <t>コウセイヒ</t>
    </rPh>
    <rPh sb="2" eb="3">
      <t>セイ</t>
    </rPh>
    <rPh sb="4" eb="5">
      <t>ヒ</t>
    </rPh>
    <phoneticPr fontId="2"/>
  </si>
  <si>
    <t>-</t>
    <phoneticPr fontId="2"/>
  </si>
  <si>
    <t>-</t>
  </si>
  <si>
    <t>31年</t>
    <rPh sb="2" eb="3">
      <t>ネン</t>
    </rPh>
    <phoneticPr fontId="6"/>
  </si>
  <si>
    <t>令和</t>
    <rPh sb="0" eb="2">
      <t>レイワ</t>
    </rPh>
    <phoneticPr fontId="2"/>
  </si>
  <si>
    <t>平成</t>
    <phoneticPr fontId="2"/>
  </si>
  <si>
    <t>千人</t>
    <rPh sb="0" eb="1">
      <t>セン</t>
    </rPh>
    <rPh sb="1" eb="2">
      <t>ニン</t>
    </rPh>
    <phoneticPr fontId="2"/>
  </si>
  <si>
    <t>（0～14歳）</t>
    <rPh sb="5" eb="6">
      <t>サイ</t>
    </rPh>
    <phoneticPr fontId="2"/>
  </si>
  <si>
    <t>３年</t>
    <rPh sb="1" eb="2">
      <t>ネン</t>
    </rPh>
    <phoneticPr fontId="6"/>
  </si>
  <si>
    <t>２年</t>
    <rPh sb="1" eb="2">
      <t>ネン</t>
    </rPh>
    <phoneticPr fontId="6"/>
  </si>
  <si>
    <t>　 (単位未満は四捨五入してあるため、総数と内訳の計が一致しない場合がある。）</t>
    <phoneticPr fontId="2"/>
  </si>
  <si>
    <t>　（注）　1　神奈川県の総数には年齢不詳を含むため、合計は一致しない。</t>
    <rPh sb="2" eb="3">
      <t>チュウ</t>
    </rPh>
    <rPh sb="7" eb="11">
      <t>カナガワケン</t>
    </rPh>
    <rPh sb="12" eb="14">
      <t>ソウスウ</t>
    </rPh>
    <rPh sb="16" eb="18">
      <t>ネンレイ</t>
    </rPh>
    <rPh sb="18" eb="20">
      <t>フショウ</t>
    </rPh>
    <rPh sb="21" eb="22">
      <t>フク</t>
    </rPh>
    <rPh sb="26" eb="28">
      <t>ゴウケイ</t>
    </rPh>
    <rPh sb="29" eb="31">
      <t>イッチ</t>
    </rPh>
    <phoneticPr fontId="2"/>
  </si>
  <si>
    <t>　　　　　2　神奈川県の構成比は年齢不詳を除いて算出している。</t>
    <rPh sb="7" eb="11">
      <t>カナガワケン</t>
    </rPh>
    <phoneticPr fontId="2"/>
  </si>
  <si>
    <t>　　　　　3　全国の数値は､｢人口推計｣（総務省統計局）の各年１月１日現在人口(確定値)を使用している。</t>
    <phoneticPr fontId="2"/>
  </si>
  <si>
    <t>４年</t>
    <rPh sb="1" eb="2">
      <t>ネン</t>
    </rPh>
    <phoneticPr fontId="6"/>
  </si>
  <si>
    <t>調　査　時　点</t>
    <rPh sb="0" eb="3">
      <t>チョウサ</t>
    </rPh>
    <rPh sb="4" eb="7">
      <t>ジテン</t>
    </rPh>
    <phoneticPr fontId="2"/>
  </si>
  <si>
    <t>５年</t>
    <rPh sb="1" eb="2">
      <t>ネン</t>
    </rPh>
    <phoneticPr fontId="6"/>
  </si>
  <si>
    <t>【表３】年齢（10歳階級）別、男女別人口及び構成比＜神奈川県＞</t>
    <rPh sb="1" eb="2">
      <t>ヒョウ</t>
    </rPh>
    <rPh sb="4" eb="6">
      <t>ネンレイ</t>
    </rPh>
    <rPh sb="9" eb="10">
      <t>サイ</t>
    </rPh>
    <rPh sb="10" eb="12">
      <t>カイキュウ</t>
    </rPh>
    <rPh sb="13" eb="14">
      <t>ベツ</t>
    </rPh>
    <rPh sb="15" eb="17">
      <t>ダンジョ</t>
    </rPh>
    <rPh sb="17" eb="18">
      <t>ベツ</t>
    </rPh>
    <rPh sb="18" eb="20">
      <t>ジンコウ</t>
    </rPh>
    <rPh sb="20" eb="21">
      <t>オヨ</t>
    </rPh>
    <rPh sb="22" eb="25">
      <t>コウセイヒ</t>
    </rPh>
    <rPh sb="26" eb="30">
      <t>カナガワケン</t>
    </rPh>
    <phoneticPr fontId="2"/>
  </si>
  <si>
    <t>調</t>
    <rPh sb="0" eb="1">
      <t>チョウ</t>
    </rPh>
    <phoneticPr fontId="2"/>
  </si>
  <si>
    <t>総　　数</t>
    <rPh sb="0" eb="1">
      <t>フサ</t>
    </rPh>
    <rPh sb="3" eb="4">
      <t>カズ</t>
    </rPh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査</t>
    <rPh sb="0" eb="1">
      <t>サ</t>
    </rPh>
    <phoneticPr fontId="2"/>
  </si>
  <si>
    <t>年齢階級</t>
    <rPh sb="0" eb="2">
      <t>ネンレイ</t>
    </rPh>
    <rPh sb="2" eb="4">
      <t>カイキュウ</t>
    </rPh>
    <phoneticPr fontId="2"/>
  </si>
  <si>
    <t>年</t>
    <rPh sb="0" eb="1">
      <t>ネン</t>
    </rPh>
    <phoneticPr fontId="2"/>
  </si>
  <si>
    <t>実　　数</t>
    <rPh sb="0" eb="1">
      <t>ミ</t>
    </rPh>
    <rPh sb="3" eb="4">
      <t>カズ</t>
    </rPh>
    <phoneticPr fontId="2"/>
  </si>
  <si>
    <t>構成比</t>
    <rPh sb="0" eb="3">
      <t>コウセイヒ</t>
    </rPh>
    <phoneticPr fontId="2"/>
  </si>
  <si>
    <t>実　　数</t>
  </si>
  <si>
    <t>構成比</t>
  </si>
  <si>
    <t>総数</t>
    <rPh sb="0" eb="2">
      <t>ソウスウ</t>
    </rPh>
    <phoneticPr fontId="2"/>
  </si>
  <si>
    <r>
      <t>総</t>
    </r>
    <r>
      <rPr>
        <sz val="11"/>
        <rFont val="ＭＳ Ｐゴシック"/>
        <family val="3"/>
        <charset val="128"/>
      </rPr>
      <t xml:space="preserve"> 　　数</t>
    </r>
    <rPh sb="0" eb="1">
      <t>フサ</t>
    </rPh>
    <rPh sb="4" eb="5">
      <t>カズ</t>
    </rPh>
    <phoneticPr fontId="2"/>
  </si>
  <si>
    <t>－</t>
    <phoneticPr fontId="2"/>
  </si>
  <si>
    <t>令</t>
    <rPh sb="0" eb="1">
      <t>レイ</t>
    </rPh>
    <phoneticPr fontId="2"/>
  </si>
  <si>
    <r>
      <t>　　 　</t>
    </r>
    <r>
      <rPr>
        <sz val="11"/>
        <rFont val="ＭＳ Ｐゴシック"/>
        <family val="3"/>
        <charset val="128"/>
      </rPr>
      <t xml:space="preserve"> 0～9歳</t>
    </r>
    <rPh sb="8" eb="9">
      <t>サイ</t>
    </rPh>
    <phoneticPr fontId="2"/>
  </si>
  <si>
    <t>和</t>
    <rPh sb="0" eb="1">
      <t>ワ</t>
    </rPh>
    <phoneticPr fontId="2"/>
  </si>
  <si>
    <r>
      <t>　 　</t>
    </r>
    <r>
      <rPr>
        <sz val="11"/>
        <rFont val="ＭＳ Ｐゴシック"/>
        <family val="3"/>
        <charset val="128"/>
      </rPr>
      <t xml:space="preserve"> 10～19</t>
    </r>
    <phoneticPr fontId="2"/>
  </si>
  <si>
    <r>
      <t xml:space="preserve"> 　　</t>
    </r>
    <r>
      <rPr>
        <sz val="11"/>
        <rFont val="ＭＳ Ｐゴシック"/>
        <family val="3"/>
        <charset val="128"/>
      </rPr>
      <t xml:space="preserve"> 20～29</t>
    </r>
    <phoneticPr fontId="2"/>
  </si>
  <si>
    <t>　　  30～39</t>
    <phoneticPr fontId="2"/>
  </si>
  <si>
    <t>　　  40～49</t>
    <phoneticPr fontId="2"/>
  </si>
  <si>
    <t>月</t>
    <rPh sb="0" eb="1">
      <t>ガツ</t>
    </rPh>
    <phoneticPr fontId="2"/>
  </si>
  <si>
    <r>
      <t xml:space="preserve"> 　　</t>
    </r>
    <r>
      <rPr>
        <sz val="11"/>
        <rFont val="ＭＳ Ｐゴシック"/>
        <family val="3"/>
        <charset val="128"/>
      </rPr>
      <t xml:space="preserve"> 50～59</t>
    </r>
    <phoneticPr fontId="2"/>
  </si>
  <si>
    <r>
      <t xml:space="preserve">　 </t>
    </r>
    <r>
      <rPr>
        <sz val="11"/>
        <rFont val="ＭＳ Ｐゴシック"/>
        <family val="3"/>
        <charset val="128"/>
      </rPr>
      <t xml:space="preserve">   60～69</t>
    </r>
    <phoneticPr fontId="2"/>
  </si>
  <si>
    <t>日</t>
    <rPh sb="0" eb="1">
      <t>ニチ</t>
    </rPh>
    <phoneticPr fontId="2"/>
  </si>
  <si>
    <r>
      <t xml:space="preserve">　 </t>
    </r>
    <r>
      <rPr>
        <sz val="11"/>
        <rFont val="ＭＳ Ｐゴシック"/>
        <family val="3"/>
        <charset val="128"/>
      </rPr>
      <t xml:space="preserve">   70～79</t>
    </r>
    <phoneticPr fontId="2"/>
  </si>
  <si>
    <t>現</t>
    <rPh sb="0" eb="1">
      <t>ウツツ</t>
    </rPh>
    <phoneticPr fontId="2"/>
  </si>
  <si>
    <r>
      <t xml:space="preserve">　 </t>
    </r>
    <r>
      <rPr>
        <sz val="11"/>
        <rFont val="ＭＳ Ｐゴシック"/>
        <family val="3"/>
        <charset val="128"/>
      </rPr>
      <t xml:space="preserve">   80～89</t>
    </r>
    <phoneticPr fontId="2"/>
  </si>
  <si>
    <t>在</t>
    <rPh sb="0" eb="1">
      <t>ザイ</t>
    </rPh>
    <phoneticPr fontId="2"/>
  </si>
  <si>
    <r>
      <t xml:space="preserve">　 </t>
    </r>
    <r>
      <rPr>
        <sz val="11"/>
        <rFont val="ＭＳ Ｐゴシック"/>
        <family val="3"/>
        <charset val="128"/>
      </rPr>
      <t xml:space="preserve">   90～99</t>
    </r>
    <phoneticPr fontId="2"/>
  </si>
  <si>
    <t>100歳以上</t>
    <rPh sb="3" eb="6">
      <t>サイイジョウ</t>
    </rPh>
    <phoneticPr fontId="2"/>
  </si>
  <si>
    <t>－</t>
  </si>
  <si>
    <t>　 　 10～19</t>
  </si>
  <si>
    <t xml:space="preserve"> 　　 20～29</t>
  </si>
  <si>
    <t>　　  30～39</t>
  </si>
  <si>
    <t>　　  40～49</t>
  </si>
  <si>
    <t xml:space="preserve"> 　　 50～59</t>
  </si>
  <si>
    <t>　    60～69</t>
  </si>
  <si>
    <t>　    70～79</t>
  </si>
  <si>
    <t>　    80～89</t>
  </si>
  <si>
    <t>　    90～99</t>
  </si>
  <si>
    <t>％</t>
  </si>
  <si>
    <t>平</t>
    <rPh sb="0" eb="1">
      <t>ヘイ</t>
    </rPh>
    <phoneticPr fontId="2"/>
  </si>
  <si>
    <r>
      <t xml:space="preserve">　　   </t>
    </r>
    <r>
      <rPr>
        <sz val="11"/>
        <rFont val="ＭＳ Ｐゴシック"/>
        <family val="3"/>
        <charset val="128"/>
      </rPr>
      <t xml:space="preserve"> 0～9歳</t>
    </r>
    <rPh sb="9" eb="10">
      <t>サイ</t>
    </rPh>
    <phoneticPr fontId="2"/>
  </si>
  <si>
    <t>成</t>
    <rPh sb="0" eb="1">
      <t>セイ</t>
    </rPh>
    <phoneticPr fontId="2"/>
  </si>
  <si>
    <t>　（注）　1　総数には年齢不詳を含むため、合計は一致しない。</t>
    <rPh sb="2" eb="3">
      <t>チュウ</t>
    </rPh>
    <rPh sb="7" eb="9">
      <t>ソウスウ</t>
    </rPh>
    <rPh sb="11" eb="13">
      <t>ネンレイ</t>
    </rPh>
    <rPh sb="13" eb="15">
      <t>フショウ</t>
    </rPh>
    <rPh sb="16" eb="17">
      <t>フク</t>
    </rPh>
    <rPh sb="21" eb="23">
      <t>ゴウケイ</t>
    </rPh>
    <rPh sb="24" eb="26">
      <t>イッチ</t>
    </rPh>
    <phoneticPr fontId="2"/>
  </si>
  <si>
    <t>　　　　　2　構成比は年齢不詳を除いて算出している。</t>
    <phoneticPr fontId="2"/>
  </si>
  <si>
    <t>【表４】年齢（５歳階級、３区分）別、男女別人口〈神奈川県〉及び性比〈神奈川県、全国〉</t>
    <rPh sb="1" eb="2">
      <t>ヒョウ</t>
    </rPh>
    <rPh sb="4" eb="6">
      <t>ネンレイ</t>
    </rPh>
    <rPh sb="8" eb="9">
      <t>サイ</t>
    </rPh>
    <rPh sb="9" eb="11">
      <t>カイキュウ</t>
    </rPh>
    <rPh sb="13" eb="15">
      <t>クブン</t>
    </rPh>
    <rPh sb="16" eb="17">
      <t>ベツ</t>
    </rPh>
    <rPh sb="18" eb="20">
      <t>ダンジョ</t>
    </rPh>
    <rPh sb="20" eb="21">
      <t>ベツ</t>
    </rPh>
    <rPh sb="21" eb="23">
      <t>ジンコウ</t>
    </rPh>
    <rPh sb="24" eb="28">
      <t>カナガワケン</t>
    </rPh>
    <rPh sb="29" eb="30">
      <t>オヨ</t>
    </rPh>
    <rPh sb="31" eb="32">
      <t>セイ</t>
    </rPh>
    <rPh sb="32" eb="33">
      <t>ヒ</t>
    </rPh>
    <rPh sb="34" eb="38">
      <t>カナガワケン</t>
    </rPh>
    <rPh sb="39" eb="41">
      <t>ゼンコク</t>
    </rPh>
    <phoneticPr fontId="7"/>
  </si>
  <si>
    <t>年齢階級</t>
    <rPh sb="0" eb="2">
      <t>ネンレイ</t>
    </rPh>
    <rPh sb="2" eb="4">
      <t>カイキュウ</t>
    </rPh>
    <phoneticPr fontId="7"/>
  </si>
  <si>
    <t>神奈川県</t>
    <rPh sb="0" eb="4">
      <t>カナガワケン</t>
    </rPh>
    <phoneticPr fontId="7"/>
  </si>
  <si>
    <t>全国</t>
    <rPh sb="0" eb="2">
      <t>ゼンコク</t>
    </rPh>
    <phoneticPr fontId="7"/>
  </si>
  <si>
    <t>令和５年１月１日現在</t>
    <rPh sb="0" eb="2">
      <t>レイワ</t>
    </rPh>
    <rPh sb="3" eb="4">
      <t>ネン</t>
    </rPh>
    <rPh sb="5" eb="6">
      <t>ツキ</t>
    </rPh>
    <rPh sb="7" eb="8">
      <t>ヒ</t>
    </rPh>
    <rPh sb="8" eb="10">
      <t>ゲンザイ</t>
    </rPh>
    <phoneticPr fontId="7"/>
  </si>
  <si>
    <t>令和４.１.１　　     現在</t>
    <rPh sb="0" eb="2">
      <t>レイワ</t>
    </rPh>
    <rPh sb="14" eb="16">
      <t>ゲンザイ</t>
    </rPh>
    <phoneticPr fontId="7"/>
  </si>
  <si>
    <t>令和３.１.１　　     現在</t>
    <rPh sb="0" eb="2">
      <t>レイワ</t>
    </rPh>
    <rPh sb="14" eb="16">
      <t>ゲンザイ</t>
    </rPh>
    <phoneticPr fontId="7"/>
  </si>
  <si>
    <t>令和５.１.１
現在</t>
    <rPh sb="0" eb="2">
      <t>レイワ</t>
    </rPh>
    <rPh sb="8" eb="10">
      <t>ゲンザイ</t>
    </rPh>
    <phoneticPr fontId="7"/>
  </si>
  <si>
    <t>総　数</t>
    <rPh sb="0" eb="3">
      <t>ソウスウ</t>
    </rPh>
    <phoneticPr fontId="7"/>
  </si>
  <si>
    <t>男　（Ａ）</t>
    <rPh sb="0" eb="1">
      <t>オトコ</t>
    </rPh>
    <phoneticPr fontId="7"/>
  </si>
  <si>
    <t>女　（Ｂ）</t>
    <phoneticPr fontId="7"/>
  </si>
  <si>
    <t>性　比　　      　(A/B×100）</t>
    <rPh sb="0" eb="1">
      <t>セイ</t>
    </rPh>
    <rPh sb="2" eb="3">
      <t>ヒ</t>
    </rPh>
    <phoneticPr fontId="7"/>
  </si>
  <si>
    <t>性　比</t>
    <rPh sb="0" eb="1">
      <t>セイ</t>
    </rPh>
    <rPh sb="2" eb="3">
      <t>ヒ</t>
    </rPh>
    <phoneticPr fontId="7"/>
  </si>
  <si>
    <t>男</t>
    <rPh sb="0" eb="1">
      <t>オトコ</t>
    </rPh>
    <phoneticPr fontId="7"/>
  </si>
  <si>
    <t>女</t>
    <rPh sb="0" eb="1">
      <t>オンナ</t>
    </rPh>
    <phoneticPr fontId="7"/>
  </si>
  <si>
    <t>人</t>
    <rPh sb="0" eb="1">
      <t>ニン</t>
    </rPh>
    <phoneticPr fontId="7"/>
  </si>
  <si>
    <t>総　　数</t>
    <phoneticPr fontId="7"/>
  </si>
  <si>
    <t>0～4</t>
    <phoneticPr fontId="7"/>
  </si>
  <si>
    <t>歳</t>
    <rPh sb="0" eb="1">
      <t>サイ</t>
    </rPh>
    <phoneticPr fontId="7"/>
  </si>
  <si>
    <t>5～9</t>
  </si>
  <si>
    <t>10～14</t>
  </si>
  <si>
    <t>15～19</t>
  </si>
  <si>
    <t>20～24</t>
  </si>
  <si>
    <t>25～29</t>
  </si>
  <si>
    <t>30～34</t>
  </si>
  <si>
    <t>35～39</t>
  </si>
  <si>
    <t>40～44</t>
  </si>
  <si>
    <t>45～49</t>
  </si>
  <si>
    <t>50～54</t>
  </si>
  <si>
    <t>55～59</t>
  </si>
  <si>
    <t>60～64</t>
  </si>
  <si>
    <t>65～69</t>
  </si>
  <si>
    <t>70～74</t>
  </si>
  <si>
    <t>75～79</t>
  </si>
  <si>
    <t>80～84</t>
  </si>
  <si>
    <t>85～89</t>
  </si>
  <si>
    <t>90～94</t>
  </si>
  <si>
    <t>95～99</t>
  </si>
  <si>
    <t>100歳以上</t>
    <rPh sb="3" eb="4">
      <t>サイ</t>
    </rPh>
    <rPh sb="4" eb="6">
      <t>イジョウ</t>
    </rPh>
    <phoneticPr fontId="7"/>
  </si>
  <si>
    <t>0～14</t>
    <phoneticPr fontId="7"/>
  </si>
  <si>
    <t>15～64</t>
    <phoneticPr fontId="7"/>
  </si>
  <si>
    <t>65歳以上</t>
    <rPh sb="3" eb="5">
      <t>イジョウ</t>
    </rPh>
    <phoneticPr fontId="7"/>
  </si>
  <si>
    <t>　（注）　神奈川県の総数には年齢不詳を含むため、合計は一致しない。</t>
    <rPh sb="2" eb="3">
      <t>チュウ</t>
    </rPh>
    <rPh sb="5" eb="9">
      <t>カナガワケン</t>
    </rPh>
    <rPh sb="10" eb="12">
      <t>ソウスウ</t>
    </rPh>
    <rPh sb="14" eb="16">
      <t>ネンレイ</t>
    </rPh>
    <rPh sb="16" eb="18">
      <t>フショウ</t>
    </rPh>
    <rPh sb="19" eb="20">
      <t>フク</t>
    </rPh>
    <rPh sb="24" eb="26">
      <t>ゴウケイ</t>
    </rPh>
    <rPh sb="27" eb="29">
      <t>イッチ</t>
    </rPh>
    <phoneticPr fontId="2"/>
  </si>
  <si>
    <t>【表５】男女別平均年齢の推移及び前年調査との比較増減〈神奈川県〉</t>
    <rPh sb="1" eb="2">
      <t>ヒョウ</t>
    </rPh>
    <rPh sb="4" eb="6">
      <t>ダンジョ</t>
    </rPh>
    <rPh sb="6" eb="7">
      <t>ベツ</t>
    </rPh>
    <rPh sb="7" eb="9">
      <t>ヘイキン</t>
    </rPh>
    <rPh sb="9" eb="11">
      <t>ネンレイ</t>
    </rPh>
    <rPh sb="12" eb="14">
      <t>スイイ</t>
    </rPh>
    <rPh sb="14" eb="15">
      <t>オヨ</t>
    </rPh>
    <rPh sb="16" eb="18">
      <t>ゼンネン</t>
    </rPh>
    <rPh sb="18" eb="20">
      <t>チョウサ</t>
    </rPh>
    <rPh sb="22" eb="24">
      <t>ヒカク</t>
    </rPh>
    <rPh sb="24" eb="26">
      <t>ゾウゲン</t>
    </rPh>
    <rPh sb="27" eb="31">
      <t>カナガワケン</t>
    </rPh>
    <phoneticPr fontId="7"/>
  </si>
  <si>
    <t>調査時点</t>
    <rPh sb="0" eb="2">
      <t>チョウサ</t>
    </rPh>
    <rPh sb="2" eb="4">
      <t>ジテン</t>
    </rPh>
    <phoneticPr fontId="7"/>
  </si>
  <si>
    <t>男女計</t>
    <rPh sb="0" eb="2">
      <t>ダンジョ</t>
    </rPh>
    <rPh sb="2" eb="3">
      <t>ケイ</t>
    </rPh>
    <phoneticPr fontId="7"/>
  </si>
  <si>
    <t>男女差</t>
    <rPh sb="0" eb="3">
      <t>ダンジョサ</t>
    </rPh>
    <phoneticPr fontId="7"/>
  </si>
  <si>
    <t>対前年比較</t>
    <rPh sb="0" eb="1">
      <t>タイ</t>
    </rPh>
    <rPh sb="1" eb="3">
      <t>ゼンネン</t>
    </rPh>
    <rPh sb="3" eb="5">
      <t>ヒカク</t>
    </rPh>
    <phoneticPr fontId="7"/>
  </si>
  <si>
    <t>（各年１月１日現在）</t>
    <rPh sb="1" eb="3">
      <t>カクネン</t>
    </rPh>
    <rPh sb="4" eb="5">
      <t>ツキ</t>
    </rPh>
    <rPh sb="6" eb="7">
      <t>ヒ</t>
    </rPh>
    <rPh sb="7" eb="9">
      <t>ゲンザイ</t>
    </rPh>
    <phoneticPr fontId="7"/>
  </si>
  <si>
    <t>（Ａ）</t>
    <phoneticPr fontId="7"/>
  </si>
  <si>
    <t>（Ｂ）</t>
    <phoneticPr fontId="7"/>
  </si>
  <si>
    <t>（Ｂ-Ａ）</t>
    <phoneticPr fontId="7"/>
  </si>
  <si>
    <t>令和5</t>
    <rPh sb="0" eb="2">
      <t>レイワ</t>
    </rPh>
    <phoneticPr fontId="7"/>
  </si>
  <si>
    <t>年</t>
    <rPh sb="0" eb="1">
      <t>ネン</t>
    </rPh>
    <phoneticPr fontId="7"/>
  </si>
  <si>
    <t xml:space="preserve"> </t>
    <phoneticPr fontId="7"/>
  </si>
  <si>
    <t>平成31</t>
    <rPh sb="0" eb="2">
      <t>ヘイセイ</t>
    </rPh>
    <phoneticPr fontId="7"/>
  </si>
  <si>
    <t>年</t>
  </si>
  <si>
    <t>【表６】年齢（３区分）別人口及び構成比&lt;神奈川県、地域&gt;</t>
    <rPh sb="1" eb="2">
      <t>ヒョウ</t>
    </rPh>
    <rPh sb="4" eb="6">
      <t>ネンレイ</t>
    </rPh>
    <rPh sb="8" eb="10">
      <t>クブン</t>
    </rPh>
    <rPh sb="11" eb="12">
      <t>ベツ</t>
    </rPh>
    <rPh sb="12" eb="14">
      <t>ジンコウ</t>
    </rPh>
    <rPh sb="14" eb="15">
      <t>オヨ</t>
    </rPh>
    <rPh sb="16" eb="19">
      <t>コウセイヒ</t>
    </rPh>
    <rPh sb="20" eb="24">
      <t>カナガワケン</t>
    </rPh>
    <rPh sb="25" eb="27">
      <t>チイキ</t>
    </rPh>
    <phoneticPr fontId="2"/>
  </si>
  <si>
    <t>実   数</t>
    <rPh sb="0" eb="1">
      <t>ミ</t>
    </rPh>
    <rPh sb="4" eb="5">
      <t>カズ</t>
    </rPh>
    <phoneticPr fontId="2"/>
  </si>
  <si>
    <t>地域名</t>
    <rPh sb="0" eb="3">
      <t>チイキメイ</t>
    </rPh>
    <phoneticPr fontId="2"/>
  </si>
  <si>
    <t>年少
人口</t>
    <rPh sb="0" eb="2">
      <t>ネンショウ</t>
    </rPh>
    <rPh sb="3" eb="5">
      <t>ジンコウ</t>
    </rPh>
    <phoneticPr fontId="2"/>
  </si>
  <si>
    <t>生産年齢
人口</t>
    <rPh sb="0" eb="2">
      <t>セイサン</t>
    </rPh>
    <rPh sb="2" eb="4">
      <t>ネンレイ</t>
    </rPh>
    <rPh sb="5" eb="7">
      <t>ジンコウ</t>
    </rPh>
    <phoneticPr fontId="2"/>
  </si>
  <si>
    <t>老年
人口</t>
    <rPh sb="0" eb="2">
      <t>ロウネン</t>
    </rPh>
    <rPh sb="3" eb="5">
      <t>ジンコウ</t>
    </rPh>
    <phoneticPr fontId="2"/>
  </si>
  <si>
    <t>(15～64歳)</t>
    <rPh sb="6" eb="7">
      <t>サイ</t>
    </rPh>
    <phoneticPr fontId="2"/>
  </si>
  <si>
    <t>(65歳以上)</t>
    <rPh sb="3" eb="6">
      <t>サイイジョウ</t>
    </rPh>
    <phoneticPr fontId="2"/>
  </si>
  <si>
    <t>(A)</t>
    <phoneticPr fontId="2"/>
  </si>
  <si>
    <t>令
和
5
年
1
月
1
日
現
在</t>
    <rPh sb="0" eb="1">
      <t>レイ</t>
    </rPh>
    <rPh sb="2" eb="3">
      <t>カズ</t>
    </rPh>
    <rPh sb="6" eb="7">
      <t>ネン</t>
    </rPh>
    <rPh sb="10" eb="11">
      <t>ガツ</t>
    </rPh>
    <rPh sb="14" eb="15">
      <t>ニチ</t>
    </rPh>
    <rPh sb="16" eb="17">
      <t>ゲン</t>
    </rPh>
    <rPh sb="18" eb="19">
      <t>ザイ</t>
    </rPh>
    <phoneticPr fontId="2"/>
  </si>
  <si>
    <t>県計</t>
    <rPh sb="0" eb="1">
      <t>ケン</t>
    </rPh>
    <rPh sb="1" eb="2">
      <t>ケイ</t>
    </rPh>
    <phoneticPr fontId="2"/>
  </si>
  <si>
    <t>横浜</t>
    <rPh sb="0" eb="2">
      <t>ヨコハマ</t>
    </rPh>
    <phoneticPr fontId="2"/>
  </si>
  <si>
    <t>川崎</t>
    <rPh sb="0" eb="2">
      <t>カワサキ</t>
    </rPh>
    <phoneticPr fontId="2"/>
  </si>
  <si>
    <t>横須賀三浦</t>
    <rPh sb="0" eb="3">
      <t>ヨコスカ</t>
    </rPh>
    <rPh sb="3" eb="5">
      <t>ミウラ</t>
    </rPh>
    <phoneticPr fontId="2"/>
  </si>
  <si>
    <t>県央</t>
    <rPh sb="0" eb="2">
      <t>ケンオウ</t>
    </rPh>
    <phoneticPr fontId="2"/>
  </si>
  <si>
    <t>湘南</t>
    <rPh sb="0" eb="2">
      <t>ショウナン</t>
    </rPh>
    <phoneticPr fontId="2"/>
  </si>
  <si>
    <t>県西</t>
    <rPh sb="0" eb="2">
      <t>ケンセイ</t>
    </rPh>
    <phoneticPr fontId="2"/>
  </si>
  <si>
    <t>(B)</t>
    <phoneticPr fontId="2"/>
  </si>
  <si>
    <t>令
和
4
年
1
月
1
日
現
在</t>
    <phoneticPr fontId="2"/>
  </si>
  <si>
    <t>令和4～5年増減</t>
    <rPh sb="0" eb="1">
      <t>レイ</t>
    </rPh>
    <rPh sb="1" eb="2">
      <t>カズ</t>
    </rPh>
    <rPh sb="5" eb="6">
      <t>ネン</t>
    </rPh>
    <rPh sb="6" eb="7">
      <t>ゾウ</t>
    </rPh>
    <rPh sb="7" eb="8">
      <t>ゲン</t>
    </rPh>
    <phoneticPr fontId="2"/>
  </si>
  <si>
    <t>(A-B)</t>
    <phoneticPr fontId="2"/>
  </si>
  <si>
    <t>ポイント</t>
  </si>
  <si>
    <t>　　　　　2　構成比は年齢不詳を除いて算出している。</t>
    <rPh sb="7" eb="10">
      <t>コウセイヒ</t>
    </rPh>
    <phoneticPr fontId="2"/>
  </si>
  <si>
    <t>　　　　　3　構成比の差（ポイント）は小数点第２位以下の数値で算出しているため、表上の数値と一致しない場合がある。</t>
    <rPh sb="7" eb="10">
      <t>コウセイヒ</t>
    </rPh>
    <rPh sb="11" eb="12">
      <t>サ</t>
    </rPh>
    <rPh sb="51" eb="53">
      <t>バアイ</t>
    </rPh>
    <phoneticPr fontId="2"/>
  </si>
  <si>
    <t>【表７】男女別平均年齢及び前年調査との比較増減&lt;神奈川県、地域&gt;</t>
    <rPh sb="1" eb="2">
      <t>ヒョウ</t>
    </rPh>
    <rPh sb="4" eb="6">
      <t>ダンジョ</t>
    </rPh>
    <rPh sb="6" eb="7">
      <t>ベツ</t>
    </rPh>
    <rPh sb="7" eb="9">
      <t>ヘイキン</t>
    </rPh>
    <rPh sb="9" eb="11">
      <t>ネンレイ</t>
    </rPh>
    <rPh sb="11" eb="12">
      <t>オヨ</t>
    </rPh>
    <rPh sb="13" eb="15">
      <t>ゼンネン</t>
    </rPh>
    <rPh sb="15" eb="17">
      <t>チョウサ</t>
    </rPh>
    <rPh sb="19" eb="21">
      <t>ヒカク</t>
    </rPh>
    <rPh sb="21" eb="23">
      <t>ゾウゲン</t>
    </rPh>
    <rPh sb="24" eb="28">
      <t>カナガワケン</t>
    </rPh>
    <rPh sb="29" eb="31">
      <t>チイキ</t>
    </rPh>
    <phoneticPr fontId="2"/>
  </si>
  <si>
    <t>令 和 ５ 年 1 月 1 日 現 在 (A)</t>
    <rPh sb="0" eb="1">
      <t>レイ</t>
    </rPh>
    <rPh sb="2" eb="3">
      <t>ワ</t>
    </rPh>
    <rPh sb="6" eb="7">
      <t>ネン</t>
    </rPh>
    <rPh sb="10" eb="11">
      <t>ガツ</t>
    </rPh>
    <rPh sb="14" eb="15">
      <t>ニチ</t>
    </rPh>
    <rPh sb="16" eb="17">
      <t>ウツツ</t>
    </rPh>
    <rPh sb="18" eb="19">
      <t>ザイ</t>
    </rPh>
    <phoneticPr fontId="2"/>
  </si>
  <si>
    <t>令 和 ４ 年 1 月 1 日 現 在 (B)</t>
    <rPh sb="0" eb="1">
      <t>レイ</t>
    </rPh>
    <rPh sb="2" eb="3">
      <t>ワ</t>
    </rPh>
    <rPh sb="6" eb="7">
      <t>ネン</t>
    </rPh>
    <rPh sb="10" eb="11">
      <t>ガツ</t>
    </rPh>
    <rPh sb="14" eb="15">
      <t>ニチ</t>
    </rPh>
    <rPh sb="16" eb="17">
      <t>ウツツ</t>
    </rPh>
    <rPh sb="18" eb="19">
      <t>ザイ</t>
    </rPh>
    <phoneticPr fontId="2"/>
  </si>
  <si>
    <t>増 減 ( A - B )</t>
    <rPh sb="0" eb="1">
      <t>ゾウ</t>
    </rPh>
    <rPh sb="2" eb="3">
      <t>ゲン</t>
    </rPh>
    <phoneticPr fontId="2"/>
  </si>
  <si>
    <t>男女計</t>
    <rPh sb="0" eb="2">
      <t>ダンジョ</t>
    </rPh>
    <rPh sb="2" eb="3">
      <t>ケイ</t>
    </rPh>
    <phoneticPr fontId="2"/>
  </si>
  <si>
    <t>男女差</t>
    <rPh sb="0" eb="3">
      <t>ダンジョサ</t>
    </rPh>
    <phoneticPr fontId="2"/>
  </si>
  <si>
    <t>a</t>
    <phoneticPr fontId="2"/>
  </si>
  <si>
    <t>b</t>
    <phoneticPr fontId="2"/>
  </si>
  <si>
    <t>b-a</t>
    <phoneticPr fontId="2"/>
  </si>
  <si>
    <t>a</t>
  </si>
  <si>
    <t>b</t>
  </si>
  <si>
    <t>b-a</t>
  </si>
  <si>
    <t>歳</t>
    <rPh sb="0" eb="1">
      <t>サイ</t>
    </rPh>
    <phoneticPr fontId="2"/>
  </si>
  <si>
    <t>歳</t>
  </si>
  <si>
    <t>【表８】　年齢（５歳階級、３区分）別人口〈神奈川県、地域〉</t>
    <rPh sb="26" eb="28">
      <t>チイキ</t>
    </rPh>
    <phoneticPr fontId="18"/>
  </si>
  <si>
    <t>　年齢階級</t>
    <rPh sb="1" eb="3">
      <t>ネンレイ</t>
    </rPh>
    <rPh sb="3" eb="5">
      <t>カイキュウ</t>
    </rPh>
    <phoneticPr fontId="18"/>
  </si>
  <si>
    <t>県  計</t>
    <rPh sb="0" eb="1">
      <t>ケンケイ</t>
    </rPh>
    <rPh sb="3" eb="4">
      <t>ケイ</t>
    </rPh>
    <phoneticPr fontId="18"/>
  </si>
  <si>
    <t>横  浜</t>
    <rPh sb="0" eb="1">
      <t>ヨコ</t>
    </rPh>
    <rPh sb="3" eb="4">
      <t>ハマ</t>
    </rPh>
    <phoneticPr fontId="18"/>
  </si>
  <si>
    <t>川  崎</t>
    <rPh sb="0" eb="1">
      <t>カワ</t>
    </rPh>
    <rPh sb="3" eb="4">
      <t>ザキ</t>
    </rPh>
    <phoneticPr fontId="18"/>
  </si>
  <si>
    <t>横須賀三浦</t>
    <rPh sb="0" eb="3">
      <t>ヨコスカ</t>
    </rPh>
    <rPh sb="3" eb="5">
      <t>ミウラ</t>
    </rPh>
    <phoneticPr fontId="18"/>
  </si>
  <si>
    <t>県  央</t>
    <rPh sb="0" eb="1">
      <t>ケン</t>
    </rPh>
    <rPh sb="3" eb="4">
      <t>オウ</t>
    </rPh>
    <phoneticPr fontId="18"/>
  </si>
  <si>
    <t>湘  南</t>
    <rPh sb="0" eb="1">
      <t>ショウナン</t>
    </rPh>
    <rPh sb="3" eb="4">
      <t>ナン</t>
    </rPh>
    <phoneticPr fontId="18"/>
  </si>
  <si>
    <t>県  西</t>
    <rPh sb="0" eb="1">
      <t>ケン</t>
    </rPh>
    <rPh sb="3" eb="4">
      <t>ニシ</t>
    </rPh>
    <phoneticPr fontId="18"/>
  </si>
  <si>
    <t>人</t>
  </si>
  <si>
    <t>人</t>
    <rPh sb="0" eb="1">
      <t>ニン</t>
    </rPh>
    <phoneticPr fontId="18"/>
  </si>
  <si>
    <t>総　　数</t>
  </si>
  <si>
    <t xml:space="preserve">   　0～4歳</t>
    <phoneticPr fontId="18"/>
  </si>
  <si>
    <t xml:space="preserve">   5～9</t>
    <phoneticPr fontId="18"/>
  </si>
  <si>
    <t xml:space="preserve">  10～14</t>
    <phoneticPr fontId="18"/>
  </si>
  <si>
    <t xml:space="preserve">  15～19</t>
    <phoneticPr fontId="18"/>
  </si>
  <si>
    <t>令</t>
    <rPh sb="0" eb="1">
      <t>レイ</t>
    </rPh>
    <phoneticPr fontId="20"/>
  </si>
  <si>
    <t xml:space="preserve">  20～24</t>
    <phoneticPr fontId="18"/>
  </si>
  <si>
    <t>和</t>
    <rPh sb="0" eb="1">
      <t>ワ</t>
    </rPh>
    <phoneticPr fontId="20"/>
  </si>
  <si>
    <t xml:space="preserve">  25～29</t>
    <phoneticPr fontId="18"/>
  </si>
  <si>
    <t xml:space="preserve">  30～34</t>
    <phoneticPr fontId="18"/>
  </si>
  <si>
    <t>年</t>
    <rPh sb="0" eb="1">
      <t>ネン</t>
    </rPh>
    <phoneticPr fontId="18"/>
  </si>
  <si>
    <t xml:space="preserve">  35～39</t>
    <phoneticPr fontId="18"/>
  </si>
  <si>
    <t xml:space="preserve">  40～44</t>
    <phoneticPr fontId="18"/>
  </si>
  <si>
    <t>月</t>
    <rPh sb="0" eb="1">
      <t>ガツ</t>
    </rPh>
    <phoneticPr fontId="18"/>
  </si>
  <si>
    <t xml:space="preserve">  45～49</t>
    <phoneticPr fontId="18"/>
  </si>
  <si>
    <t xml:space="preserve">  50～54</t>
    <phoneticPr fontId="18"/>
  </si>
  <si>
    <t>日</t>
    <rPh sb="0" eb="1">
      <t>ヒ</t>
    </rPh>
    <phoneticPr fontId="18"/>
  </si>
  <si>
    <t xml:space="preserve">  55～59</t>
    <phoneticPr fontId="18"/>
  </si>
  <si>
    <t>現</t>
    <rPh sb="0" eb="1">
      <t>ゲン</t>
    </rPh>
    <phoneticPr fontId="18"/>
  </si>
  <si>
    <t xml:space="preserve">  60～64</t>
    <phoneticPr fontId="18"/>
  </si>
  <si>
    <t>在</t>
    <rPh sb="0" eb="1">
      <t>ザイ</t>
    </rPh>
    <phoneticPr fontId="18"/>
  </si>
  <si>
    <t xml:space="preserve">  65～69</t>
    <phoneticPr fontId="18"/>
  </si>
  <si>
    <t xml:space="preserve">  70～74</t>
    <phoneticPr fontId="18"/>
  </si>
  <si>
    <t xml:space="preserve">  75～79</t>
    <phoneticPr fontId="18"/>
  </si>
  <si>
    <t xml:space="preserve">  80～84</t>
    <phoneticPr fontId="18"/>
  </si>
  <si>
    <t xml:space="preserve">  85～89</t>
    <phoneticPr fontId="18"/>
  </si>
  <si>
    <t xml:space="preserve">  90～94</t>
    <phoneticPr fontId="18"/>
  </si>
  <si>
    <t xml:space="preserve">  95～99</t>
    <phoneticPr fontId="18"/>
  </si>
  <si>
    <t>100歳以上</t>
    <phoneticPr fontId="18"/>
  </si>
  <si>
    <t xml:space="preserve">  0～14歳</t>
    <phoneticPr fontId="18"/>
  </si>
  <si>
    <t xml:space="preserve"> 15～64歳</t>
    <phoneticPr fontId="18"/>
  </si>
  <si>
    <t xml:space="preserve"> 65歳以上</t>
    <phoneticPr fontId="18"/>
  </si>
  <si>
    <t>人</t>
    <rPh sb="0" eb="1">
      <t>ニン</t>
    </rPh>
    <phoneticPr fontId="20"/>
  </si>
  <si>
    <t xml:space="preserve">   　0～4歳</t>
  </si>
  <si>
    <t xml:space="preserve">   5～9</t>
  </si>
  <si>
    <t xml:space="preserve">  10～14</t>
  </si>
  <si>
    <t xml:space="preserve">  15～19</t>
  </si>
  <si>
    <t xml:space="preserve">  20～24</t>
  </si>
  <si>
    <t xml:space="preserve">  25～29</t>
  </si>
  <si>
    <t xml:space="preserve">  30～34</t>
  </si>
  <si>
    <t xml:space="preserve">  35～39</t>
  </si>
  <si>
    <t xml:space="preserve">  40～44</t>
  </si>
  <si>
    <t xml:space="preserve">  45～49</t>
  </si>
  <si>
    <t xml:space="preserve">  50～54</t>
  </si>
  <si>
    <t xml:space="preserve">  55～59</t>
  </si>
  <si>
    <t xml:space="preserve">  60～64</t>
  </si>
  <si>
    <t xml:space="preserve">  65～69</t>
  </si>
  <si>
    <t xml:space="preserve">  70～74</t>
  </si>
  <si>
    <t xml:space="preserve">  75～79</t>
  </si>
  <si>
    <t xml:space="preserve">  80～84</t>
  </si>
  <si>
    <t xml:space="preserve">  85～89</t>
  </si>
  <si>
    <t xml:space="preserve">  90～94</t>
  </si>
  <si>
    <t xml:space="preserve">  95～99</t>
  </si>
  <si>
    <t>100歳以上</t>
  </si>
  <si>
    <t xml:space="preserve">  0～14歳</t>
  </si>
  <si>
    <t xml:space="preserve"> 15～64歳</t>
  </si>
  <si>
    <t xml:space="preserve"> 65歳以上</t>
  </si>
  <si>
    <t>　（注）　総数には年齢不詳を含むため、合計は一致しない。</t>
    <rPh sb="2" eb="3">
      <t>チュウ</t>
    </rPh>
    <rPh sb="5" eb="7">
      <t>ソウスウ</t>
    </rPh>
    <rPh sb="9" eb="11">
      <t>ネンレイ</t>
    </rPh>
    <rPh sb="11" eb="13">
      <t>フショウ</t>
    </rPh>
    <rPh sb="14" eb="15">
      <t>フク</t>
    </rPh>
    <rPh sb="19" eb="21">
      <t>ゴウケイ</t>
    </rPh>
    <rPh sb="22" eb="24">
      <t>イッチ</t>
    </rPh>
    <phoneticPr fontId="2"/>
  </si>
  <si>
    <t>【表９】　年齢（10歳階級）別人口〈神奈川県、地域〉</t>
    <rPh sb="23" eb="25">
      <t>チイキ</t>
    </rPh>
    <phoneticPr fontId="18"/>
  </si>
  <si>
    <t>年齢階級</t>
    <rPh sb="0" eb="2">
      <t>ネンレイ</t>
    </rPh>
    <rPh sb="2" eb="4">
      <t>カイキュウ</t>
    </rPh>
    <phoneticPr fontId="18"/>
  </si>
  <si>
    <t xml:space="preserve"> 湘  南</t>
    <rPh sb="1" eb="2">
      <t>ショウナン</t>
    </rPh>
    <rPh sb="4" eb="5">
      <t>ナン</t>
    </rPh>
    <phoneticPr fontId="18"/>
  </si>
  <si>
    <t>令</t>
    <rPh sb="0" eb="1">
      <t>レイ</t>
    </rPh>
    <phoneticPr fontId="18"/>
  </si>
  <si>
    <t xml:space="preserve">   　0～9歳</t>
    <phoneticPr fontId="18"/>
  </si>
  <si>
    <t>和</t>
    <rPh sb="0" eb="1">
      <t>ワ</t>
    </rPh>
    <phoneticPr fontId="18"/>
  </si>
  <si>
    <t xml:space="preserve">  10～19</t>
    <phoneticPr fontId="18"/>
  </si>
  <si>
    <t xml:space="preserve">  20～29</t>
    <phoneticPr fontId="18"/>
  </si>
  <si>
    <t xml:space="preserve">  30～39</t>
    <phoneticPr fontId="18"/>
  </si>
  <si>
    <t xml:space="preserve">  40～49</t>
    <phoneticPr fontId="18"/>
  </si>
  <si>
    <t xml:space="preserve">  50～59</t>
    <phoneticPr fontId="18"/>
  </si>
  <si>
    <t xml:space="preserve">  60～69</t>
    <phoneticPr fontId="18"/>
  </si>
  <si>
    <t xml:space="preserve">  70～79</t>
    <phoneticPr fontId="18"/>
  </si>
  <si>
    <t xml:space="preserve">  80～89</t>
    <phoneticPr fontId="18"/>
  </si>
  <si>
    <t xml:space="preserve">  90～99</t>
    <phoneticPr fontId="18"/>
  </si>
  <si>
    <t xml:space="preserve">   　0～9歳</t>
  </si>
  <si>
    <t xml:space="preserve">  10～19</t>
  </si>
  <si>
    <t xml:space="preserve">  20～29</t>
  </si>
  <si>
    <t xml:space="preserve">  30～39</t>
  </si>
  <si>
    <t xml:space="preserve">  40～49</t>
  </si>
  <si>
    <t xml:space="preserve">  50～59</t>
  </si>
  <si>
    <t xml:space="preserve">  60～69</t>
  </si>
  <si>
    <t xml:space="preserve">  70～79</t>
  </si>
  <si>
    <t xml:space="preserve">  80～89</t>
  </si>
  <si>
    <t xml:space="preserve">  90～99</t>
  </si>
  <si>
    <t>【表10】年齢（３区分）別人口構成比、平均年齢及び老年化指数の市区町村状況</t>
    <rPh sb="1" eb="2">
      <t>ヒョウ</t>
    </rPh>
    <rPh sb="5" eb="7">
      <t>ネンレイ</t>
    </rPh>
    <rPh sb="9" eb="11">
      <t>クブン</t>
    </rPh>
    <rPh sb="12" eb="13">
      <t>ベツ</t>
    </rPh>
    <rPh sb="13" eb="15">
      <t>ジンコウ</t>
    </rPh>
    <rPh sb="15" eb="18">
      <t>コウセイヒ</t>
    </rPh>
    <rPh sb="19" eb="21">
      <t>ヘイキン</t>
    </rPh>
    <rPh sb="21" eb="23">
      <t>ネンレイ</t>
    </rPh>
    <rPh sb="23" eb="24">
      <t>オヨ</t>
    </rPh>
    <rPh sb="25" eb="27">
      <t>ロウネン</t>
    </rPh>
    <rPh sb="27" eb="28">
      <t>カ</t>
    </rPh>
    <rPh sb="28" eb="30">
      <t>シスウ</t>
    </rPh>
    <rPh sb="31" eb="33">
      <t>シク</t>
    </rPh>
    <rPh sb="33" eb="35">
      <t>チョウソン</t>
    </rPh>
    <rPh sb="35" eb="37">
      <t>ジョウキョウ</t>
    </rPh>
    <phoneticPr fontId="2"/>
  </si>
  <si>
    <t xml:space="preserve">　　　　　　（令和５年１月１日現在） </t>
    <rPh sb="7" eb="9">
      <t>レイワ</t>
    </rPh>
    <rPh sb="10" eb="11">
      <t>ネン</t>
    </rPh>
    <rPh sb="12" eb="13">
      <t>ツキ</t>
    </rPh>
    <rPh sb="14" eb="15">
      <t>ヒ</t>
    </rPh>
    <rPh sb="15" eb="17">
      <t>ゲンザイ</t>
    </rPh>
    <phoneticPr fontId="2"/>
  </si>
  <si>
    <r>
      <t>（１）年少人口（０～14歳）の構成比　　［神奈川県  11.6％　</t>
    </r>
    <r>
      <rPr>
        <b/>
        <sz val="11"/>
        <rFont val="ＭＳ Ｐ明朝"/>
        <family val="1"/>
        <charset val="128"/>
      </rPr>
      <t>全国　11.6％］</t>
    </r>
    <rPh sb="3" eb="5">
      <t>ネンショウ</t>
    </rPh>
    <rPh sb="5" eb="7">
      <t>ジンコウ</t>
    </rPh>
    <rPh sb="12" eb="13">
      <t>サイ</t>
    </rPh>
    <rPh sb="15" eb="18">
      <t>コウセイヒ</t>
    </rPh>
    <rPh sb="21" eb="25">
      <t>カナガワケン</t>
    </rPh>
    <rPh sb="33" eb="35">
      <t>ゼンコク</t>
    </rPh>
    <phoneticPr fontId="2"/>
  </si>
  <si>
    <t>＊高い順</t>
    <rPh sb="1" eb="2">
      <t>タカ</t>
    </rPh>
    <rPh sb="3" eb="4">
      <t>ジュン</t>
    </rPh>
    <phoneticPr fontId="2"/>
  </si>
  <si>
    <t>＊低い順</t>
    <rPh sb="1" eb="2">
      <t>ヒク</t>
    </rPh>
    <rPh sb="3" eb="4">
      <t>ジュン</t>
    </rPh>
    <phoneticPr fontId="2"/>
  </si>
  <si>
    <t>順　位</t>
    <rPh sb="0" eb="3">
      <t>ジュンイ</t>
    </rPh>
    <phoneticPr fontId="2"/>
  </si>
  <si>
    <t>市区町村名</t>
    <rPh sb="0" eb="2">
      <t>シク</t>
    </rPh>
    <rPh sb="2" eb="4">
      <t>チョウソン</t>
    </rPh>
    <rPh sb="4" eb="5">
      <t>メイ</t>
    </rPh>
    <phoneticPr fontId="2"/>
  </si>
  <si>
    <t>比率％</t>
    <rPh sb="0" eb="2">
      <t>ヒリツ</t>
    </rPh>
    <phoneticPr fontId="2"/>
  </si>
  <si>
    <t>前年順位</t>
    <rPh sb="0" eb="2">
      <t>ゼンネン</t>
    </rPh>
    <rPh sb="2" eb="4">
      <t>ジュンイ</t>
    </rPh>
    <phoneticPr fontId="2"/>
  </si>
  <si>
    <t>開成町</t>
    <phoneticPr fontId="2"/>
  </si>
  <si>
    <t>箱根町</t>
  </si>
  <si>
    <t>都筑区</t>
    <rPh sb="0" eb="3">
      <t>ツヅキク</t>
    </rPh>
    <phoneticPr fontId="2"/>
  </si>
  <si>
    <t>真鶴町</t>
  </si>
  <si>
    <t>宮前区</t>
    <phoneticPr fontId="2"/>
  </si>
  <si>
    <t>湯河原町</t>
  </si>
  <si>
    <t>幸区</t>
    <phoneticPr fontId="2"/>
  </si>
  <si>
    <t>三浦市</t>
    <rPh sb="0" eb="1">
      <t>サン</t>
    </rPh>
    <rPh sb="1" eb="2">
      <t>ウラ</t>
    </rPh>
    <phoneticPr fontId="24"/>
  </si>
  <si>
    <t>藤沢市</t>
  </si>
  <si>
    <t>山北町</t>
  </si>
  <si>
    <r>
      <t>（２）生産年齢人口（15～64歳）の構成比　　［神奈川県  62.6％　</t>
    </r>
    <r>
      <rPr>
        <b/>
        <sz val="11"/>
        <rFont val="ＭＳ Ｐ明朝"/>
        <family val="1"/>
        <charset val="128"/>
      </rPr>
      <t>全国</t>
    </r>
    <r>
      <rPr>
        <b/>
        <i/>
        <sz val="11"/>
        <color rgb="FFFF0000"/>
        <rFont val="ＭＳ Ｐ明朝"/>
        <family val="1"/>
        <charset val="128"/>
      </rPr>
      <t>　</t>
    </r>
    <r>
      <rPr>
        <b/>
        <sz val="11"/>
        <rFont val="ＭＳ Ｐ明朝"/>
        <family val="1"/>
        <charset val="128"/>
      </rPr>
      <t>59.4％］</t>
    </r>
    <rPh sb="3" eb="5">
      <t>セイサン</t>
    </rPh>
    <rPh sb="5" eb="7">
      <t>ネンレイ</t>
    </rPh>
    <rPh sb="7" eb="9">
      <t>ジンコウ</t>
    </rPh>
    <rPh sb="15" eb="16">
      <t>サイ</t>
    </rPh>
    <rPh sb="18" eb="21">
      <t>コウセイヒ</t>
    </rPh>
    <rPh sb="24" eb="28">
      <t>カナガワケン</t>
    </rPh>
    <rPh sb="36" eb="38">
      <t>ゼンコク</t>
    </rPh>
    <phoneticPr fontId="2"/>
  </si>
  <si>
    <t>中原区</t>
    <phoneticPr fontId="2"/>
  </si>
  <si>
    <t>西区</t>
    <phoneticPr fontId="2"/>
  </si>
  <si>
    <t>多摩区</t>
    <phoneticPr fontId="2"/>
  </si>
  <si>
    <t>山北町</t>
    <phoneticPr fontId="24"/>
  </si>
  <si>
    <t>高津区</t>
    <phoneticPr fontId="2"/>
  </si>
  <si>
    <t>三浦市</t>
    <rPh sb="0" eb="3">
      <t>ミウラシ</t>
    </rPh>
    <phoneticPr fontId="2"/>
  </si>
  <si>
    <t>港北区</t>
    <phoneticPr fontId="2"/>
  </si>
  <si>
    <t>清川村</t>
  </si>
  <si>
    <r>
      <t>（３）老年人口（65歳以上）の構成比　　［神奈川県  25.8％　</t>
    </r>
    <r>
      <rPr>
        <b/>
        <sz val="11"/>
        <rFont val="ＭＳ Ｐ明朝"/>
        <family val="1"/>
        <charset val="128"/>
      </rPr>
      <t>全国　29.0％］</t>
    </r>
    <rPh sb="3" eb="5">
      <t>ロウネン</t>
    </rPh>
    <rPh sb="5" eb="7">
      <t>ジンコウ</t>
    </rPh>
    <rPh sb="10" eb="11">
      <t>サイ</t>
    </rPh>
    <rPh sb="11" eb="13">
      <t>イジョウ</t>
    </rPh>
    <rPh sb="15" eb="18">
      <t>コウセイヒ</t>
    </rPh>
    <rPh sb="21" eb="25">
      <t>カナガワケン</t>
    </rPh>
    <rPh sb="33" eb="35">
      <t>ゼンコク</t>
    </rPh>
    <phoneticPr fontId="2"/>
  </si>
  <si>
    <t>都筑区</t>
    <phoneticPr fontId="2"/>
  </si>
  <si>
    <t>清川村</t>
    <rPh sb="0" eb="3">
      <t>キヨカワムラ</t>
    </rPh>
    <phoneticPr fontId="2"/>
  </si>
  <si>
    <t>（４）平均年齢　　［神奈川県  47.03歳］</t>
    <rPh sb="3" eb="5">
      <t>ヘイキン</t>
    </rPh>
    <rPh sb="5" eb="7">
      <t>ネンレイ</t>
    </rPh>
    <rPh sb="10" eb="14">
      <t>カナガワケン</t>
    </rPh>
    <rPh sb="21" eb="22">
      <t>サイ</t>
    </rPh>
    <phoneticPr fontId="2"/>
  </si>
  <si>
    <t>平均年齢</t>
    <rPh sb="0" eb="2">
      <t>ヘイキン</t>
    </rPh>
    <rPh sb="2" eb="4">
      <t>ネンレイ</t>
    </rPh>
    <phoneticPr fontId="2"/>
  </si>
  <si>
    <r>
      <t>（５）老年化指数（年少人口に対する老年人口の比率）　　［神奈川県  222.1</t>
    </r>
    <r>
      <rPr>
        <b/>
        <i/>
        <sz val="11"/>
        <rFont val="ＭＳ Ｐ明朝"/>
        <family val="1"/>
        <charset val="128"/>
      </rPr>
      <t>　</t>
    </r>
    <r>
      <rPr>
        <b/>
        <sz val="11"/>
        <rFont val="ＭＳ Ｐ明朝"/>
        <family val="1"/>
        <charset val="128"/>
      </rPr>
      <t>全国　250.6］</t>
    </r>
    <rPh sb="3" eb="5">
      <t>ロウネン</t>
    </rPh>
    <rPh sb="5" eb="6">
      <t>カ</t>
    </rPh>
    <rPh sb="6" eb="8">
      <t>シスウ</t>
    </rPh>
    <rPh sb="9" eb="11">
      <t>ネンショウ</t>
    </rPh>
    <rPh sb="11" eb="13">
      <t>ジンコウ</t>
    </rPh>
    <rPh sb="14" eb="15">
      <t>タイ</t>
    </rPh>
    <rPh sb="17" eb="19">
      <t>ロウネン</t>
    </rPh>
    <rPh sb="19" eb="21">
      <t>ジンコウ</t>
    </rPh>
    <rPh sb="22" eb="24">
      <t>ヒリツ</t>
    </rPh>
    <rPh sb="28" eb="32">
      <t>カナガワケン</t>
    </rPh>
    <rPh sb="40" eb="42">
      <t>ゼンコク</t>
    </rPh>
    <phoneticPr fontId="2"/>
  </si>
  <si>
    <t>指数</t>
    <rPh sb="0" eb="2">
      <t>シスウ</t>
    </rPh>
    <phoneticPr fontId="2"/>
  </si>
  <si>
    <t>【表11】－1　〔男女計〕年齢（３区分）別人口、対前年増減数、対前年増減率、年齢（３区分）別人口構成比、平均年齢及び老年化指数〈神奈川県、地域、市区町村〉</t>
    <rPh sb="9" eb="12">
      <t>ダンジョケイ</t>
    </rPh>
    <rPh sb="13" eb="15">
      <t>ネンレイ</t>
    </rPh>
    <rPh sb="17" eb="19">
      <t>クブン</t>
    </rPh>
    <rPh sb="20" eb="21">
      <t>ベツ</t>
    </rPh>
    <rPh sb="21" eb="23">
      <t>ジンコウ</t>
    </rPh>
    <rPh sb="24" eb="25">
      <t>タイ</t>
    </rPh>
    <rPh sb="25" eb="27">
      <t>ゼンネン</t>
    </rPh>
    <rPh sb="27" eb="29">
      <t>ゾウゲン</t>
    </rPh>
    <rPh sb="29" eb="30">
      <t>スウ</t>
    </rPh>
    <rPh sb="31" eb="32">
      <t>タイ</t>
    </rPh>
    <rPh sb="32" eb="34">
      <t>ゼンネン</t>
    </rPh>
    <rPh sb="34" eb="36">
      <t>ゾウゲン</t>
    </rPh>
    <rPh sb="36" eb="37">
      <t>リツ</t>
    </rPh>
    <rPh sb="38" eb="40">
      <t>ネンレイ</t>
    </rPh>
    <rPh sb="42" eb="44">
      <t>クブン</t>
    </rPh>
    <rPh sb="45" eb="46">
      <t>ベツ</t>
    </rPh>
    <rPh sb="46" eb="48">
      <t>ジンコウ</t>
    </rPh>
    <rPh sb="48" eb="51">
      <t>コウセイヒ</t>
    </rPh>
    <rPh sb="52" eb="54">
      <t>ヘイキン</t>
    </rPh>
    <rPh sb="54" eb="56">
      <t>ネンレイ</t>
    </rPh>
    <rPh sb="56" eb="57">
      <t>オヨ</t>
    </rPh>
    <rPh sb="58" eb="60">
      <t>ロウネン</t>
    </rPh>
    <rPh sb="60" eb="61">
      <t>カ</t>
    </rPh>
    <rPh sb="61" eb="63">
      <t>シスウ</t>
    </rPh>
    <rPh sb="64" eb="68">
      <t>カナガワケン</t>
    </rPh>
    <rPh sb="69" eb="71">
      <t>チイキ</t>
    </rPh>
    <rPh sb="72" eb="74">
      <t>シク</t>
    </rPh>
    <rPh sb="74" eb="76">
      <t>チョウソン</t>
    </rPh>
    <phoneticPr fontId="18"/>
  </si>
  <si>
    <t>令和５年１月１日現在</t>
    <rPh sb="0" eb="2">
      <t>レイワ</t>
    </rPh>
    <phoneticPr fontId="18"/>
  </si>
  <si>
    <t>令和４年１月１日現在</t>
    <rPh sb="0" eb="2">
      <t>レイワ</t>
    </rPh>
    <phoneticPr fontId="18"/>
  </si>
  <si>
    <t>令和４年～令和５年の増減数</t>
    <rPh sb="0" eb="2">
      <t>レイワ</t>
    </rPh>
    <rPh sb="5" eb="7">
      <t>レイワ</t>
    </rPh>
    <phoneticPr fontId="18"/>
  </si>
  <si>
    <t>令和４年～令和５年の増減率</t>
    <rPh sb="0" eb="2">
      <t>レイワ</t>
    </rPh>
    <rPh sb="5" eb="7">
      <t>レイワ</t>
    </rPh>
    <phoneticPr fontId="18"/>
  </si>
  <si>
    <t>人口構成比（令和５年1月1日現在）</t>
    <rPh sb="0" eb="2">
      <t>ジンコウ</t>
    </rPh>
    <rPh sb="2" eb="5">
      <t>コウセイヒ</t>
    </rPh>
    <phoneticPr fontId="18"/>
  </si>
  <si>
    <t>令和５年</t>
    <rPh sb="0" eb="2">
      <t>レイワ</t>
    </rPh>
    <phoneticPr fontId="18"/>
  </si>
  <si>
    <t>地域・市区町村名</t>
    <rPh sb="1" eb="2">
      <t>イキ</t>
    </rPh>
    <rPh sb="4" eb="5">
      <t>ク</t>
    </rPh>
    <phoneticPr fontId="18"/>
  </si>
  <si>
    <t>総　　数</t>
    <phoneticPr fontId="18"/>
  </si>
  <si>
    <t>0～14歳</t>
    <phoneticPr fontId="18"/>
  </si>
  <si>
    <t>15～64歳</t>
  </si>
  <si>
    <t>65歳以上</t>
  </si>
  <si>
    <t xml:space="preserve"> 0～14歳</t>
  </si>
  <si>
    <t>総　数</t>
    <phoneticPr fontId="18"/>
  </si>
  <si>
    <t>平均年齢</t>
  </si>
  <si>
    <t>老年化指数</t>
  </si>
  <si>
    <t>県　　  計</t>
    <phoneticPr fontId="18"/>
  </si>
  <si>
    <t xml:space="preserve"> 横  　浜  　市</t>
    <rPh sb="1" eb="2">
      <t>ヨコ</t>
    </rPh>
    <rPh sb="5" eb="6">
      <t>ハマ</t>
    </rPh>
    <phoneticPr fontId="24"/>
  </si>
  <si>
    <t>　 鶴　　見　　区</t>
  </si>
  <si>
    <t>　 神  奈  川  区</t>
  </si>
  <si>
    <t>　 西　　　　　区</t>
  </si>
  <si>
    <t>　 中　　　　　区</t>
  </si>
  <si>
    <t>　 南　　　　　区</t>
  </si>
  <si>
    <t>　 保 土 ケ 谷 区</t>
    <phoneticPr fontId="18"/>
  </si>
  <si>
    <t>　 磯　　子　  区</t>
  </si>
  <si>
    <t>　 金　　沢　　区</t>
  </si>
  <si>
    <t>　 港　　北　　区</t>
  </si>
  <si>
    <t>　 戸　　塚　　区</t>
  </si>
  <si>
    <t>　 港　　南　　区</t>
  </si>
  <si>
    <t>　 旭　　　　　区</t>
  </si>
  <si>
    <t>　 緑　　　　　区</t>
  </si>
  <si>
    <t>　 瀬　　谷　　区</t>
  </si>
  <si>
    <t>　 栄　　　　　区</t>
  </si>
  <si>
    <t>　 泉　　　　　区</t>
  </si>
  <si>
    <t>　 青　　葉　　区</t>
  </si>
  <si>
    <t>　 都　　筑　　区</t>
  </si>
  <si>
    <t xml:space="preserve"> 川  　崎  　市</t>
    <rPh sb="1" eb="2">
      <t>カワ</t>
    </rPh>
    <rPh sb="5" eb="6">
      <t>ザキ</t>
    </rPh>
    <phoneticPr fontId="24"/>
  </si>
  <si>
    <t>　 川　　崎　　区</t>
  </si>
  <si>
    <t>　 幸　　　　　区</t>
  </si>
  <si>
    <t>　 中　　原　　区</t>
  </si>
  <si>
    <t>　 高　　津　　区</t>
  </si>
  <si>
    <t>　 多　　摩　　区</t>
  </si>
  <si>
    <t>　 宮　　前　　区</t>
  </si>
  <si>
    <t>　 麻　　生　　区</t>
  </si>
  <si>
    <t>横須賀三浦地域</t>
    <rPh sb="5" eb="7">
      <t>チイキ</t>
    </rPh>
    <phoneticPr fontId="24"/>
  </si>
  <si>
    <t xml:space="preserve">   横  須  賀  市</t>
  </si>
  <si>
    <t xml:space="preserve">   鎌  　倉  　市</t>
  </si>
  <si>
    <t xml:space="preserve">   逗　  子  　市</t>
  </si>
  <si>
    <t xml:space="preserve">   三　  浦  　市</t>
    <rPh sb="3" eb="4">
      <t>サン</t>
    </rPh>
    <rPh sb="7" eb="8">
      <t>ウラ</t>
    </rPh>
    <phoneticPr fontId="24"/>
  </si>
  <si>
    <t xml:space="preserve">   葉  　山  　町</t>
  </si>
  <si>
    <t>県央地域</t>
    <rPh sb="2" eb="4">
      <t>チイキ</t>
    </rPh>
    <phoneticPr fontId="24"/>
  </si>
  <si>
    <t xml:space="preserve">   相  模  原  市</t>
    <rPh sb="3" eb="4">
      <t>ソウ</t>
    </rPh>
    <rPh sb="6" eb="7">
      <t>ボ</t>
    </rPh>
    <rPh sb="9" eb="10">
      <t>ハラ</t>
    </rPh>
    <phoneticPr fontId="24"/>
  </si>
  <si>
    <t>　 中　　央　  区</t>
    <rPh sb="2" eb="3">
      <t>チュウ</t>
    </rPh>
    <rPh sb="5" eb="6">
      <t>オウ</t>
    </rPh>
    <phoneticPr fontId="24"/>
  </si>
  <si>
    <t xml:space="preserve">   厚 　 木 　 市</t>
  </si>
  <si>
    <t xml:space="preserve">   大　  和 　 市</t>
  </si>
  <si>
    <t xml:space="preserve">   海  老  名  市</t>
  </si>
  <si>
    <t xml:space="preserve">   座 　 間 　 市</t>
  </si>
  <si>
    <t xml:space="preserve">   綾 　 瀬 　 市</t>
  </si>
  <si>
    <t>　 愛　　川　　町</t>
  </si>
  <si>
    <t>　 清　　川　　村</t>
  </si>
  <si>
    <t>湘南地域</t>
    <rPh sb="2" eb="4">
      <t>チイキ</t>
    </rPh>
    <phoneticPr fontId="24"/>
  </si>
  <si>
    <t>　 平　　塚　　市</t>
  </si>
  <si>
    <t>　 藤　　沢 　 市</t>
  </si>
  <si>
    <t>　 茅　ヶ　崎　市</t>
  </si>
  <si>
    <t>　 秦　　野 　 市</t>
  </si>
  <si>
    <t>　 伊　勢　原　市</t>
  </si>
  <si>
    <t xml:space="preserve">   寒    川    町</t>
  </si>
  <si>
    <t>　 大　　磯　　町</t>
  </si>
  <si>
    <t>　 二　　宮　　町</t>
  </si>
  <si>
    <t>県西地域</t>
    <rPh sb="0" eb="2">
      <t>ケンセイ</t>
    </rPh>
    <rPh sb="2" eb="4">
      <t>チイキ</t>
    </rPh>
    <phoneticPr fontId="24"/>
  </si>
  <si>
    <t>　 小　田　原　市</t>
  </si>
  <si>
    <t>　 南　足　柄　市</t>
  </si>
  <si>
    <t>　 中　　井　　町</t>
  </si>
  <si>
    <t>　 大　　井　　町</t>
  </si>
  <si>
    <t>　 松　　田　　町</t>
  </si>
  <si>
    <t>　 山　　北　　町</t>
  </si>
  <si>
    <t>　 開　　成　　町</t>
  </si>
  <si>
    <t>　 箱　　根　　町</t>
  </si>
  <si>
    <t>　 真　　鶴　　町</t>
  </si>
  <si>
    <t>　 湯　河　原　町</t>
  </si>
  <si>
    <t>【表11】－2　〔　男　〕年齢（３区分）別人口、対前年増減数、対前年増減率、年齢（３区分）別人口構成比、平均年齢及び老年化指数〈神奈川県、地域、市区町村〉</t>
    <rPh sb="13" eb="15">
      <t>ネンレイ</t>
    </rPh>
    <rPh sb="17" eb="19">
      <t>クブン</t>
    </rPh>
    <rPh sb="20" eb="21">
      <t>ベツ</t>
    </rPh>
    <rPh sb="21" eb="23">
      <t>ジンコウ</t>
    </rPh>
    <rPh sb="24" eb="25">
      <t>タイ</t>
    </rPh>
    <rPh sb="25" eb="27">
      <t>ゼンネン</t>
    </rPh>
    <rPh sb="27" eb="29">
      <t>ゾウゲン</t>
    </rPh>
    <rPh sb="29" eb="30">
      <t>スウ</t>
    </rPh>
    <rPh sb="31" eb="32">
      <t>タイ</t>
    </rPh>
    <rPh sb="32" eb="34">
      <t>ゼンネン</t>
    </rPh>
    <rPh sb="34" eb="36">
      <t>ゾウゲン</t>
    </rPh>
    <rPh sb="36" eb="37">
      <t>リツ</t>
    </rPh>
    <rPh sb="38" eb="40">
      <t>ネンレイ</t>
    </rPh>
    <rPh sb="42" eb="44">
      <t>クブン</t>
    </rPh>
    <rPh sb="45" eb="46">
      <t>ベツ</t>
    </rPh>
    <rPh sb="46" eb="48">
      <t>ジンコウ</t>
    </rPh>
    <rPh sb="48" eb="51">
      <t>コウセイヒ</t>
    </rPh>
    <rPh sb="52" eb="54">
      <t>ヘイキン</t>
    </rPh>
    <rPh sb="54" eb="56">
      <t>ネンレイ</t>
    </rPh>
    <rPh sb="56" eb="57">
      <t>オヨ</t>
    </rPh>
    <rPh sb="58" eb="60">
      <t>ロウネン</t>
    </rPh>
    <rPh sb="60" eb="61">
      <t>カ</t>
    </rPh>
    <rPh sb="61" eb="63">
      <t>シスウ</t>
    </rPh>
    <rPh sb="64" eb="68">
      <t>カナガワケン</t>
    </rPh>
    <rPh sb="69" eb="71">
      <t>チイキ</t>
    </rPh>
    <rPh sb="72" eb="74">
      <t>シク</t>
    </rPh>
    <rPh sb="74" eb="76">
      <t>チョウソン</t>
    </rPh>
    <phoneticPr fontId="18"/>
  </si>
  <si>
    <t>地域・市区町村名</t>
    <rPh sb="1" eb="2">
      <t>イキ</t>
    </rPh>
    <rPh sb="4" eb="5">
      <t>ク</t>
    </rPh>
    <rPh sb="5" eb="6">
      <t>チョウ</t>
    </rPh>
    <phoneticPr fontId="18"/>
  </si>
  <si>
    <t>15～64歳</t>
    <phoneticPr fontId="18"/>
  </si>
  <si>
    <t>　 保 土 ケ 谷 区</t>
  </si>
  <si>
    <t>【表11】－3　〔　女　〕年齢（３区分）別人口、対前年増減数、対前年増減率、年齢（３区分）別人口構成比、平均年齢及び老年化指数〈神奈川県、地域、市区町村〉</t>
    <rPh sb="10" eb="11">
      <t>オンナ</t>
    </rPh>
    <rPh sb="13" eb="15">
      <t>ネンレイ</t>
    </rPh>
    <rPh sb="17" eb="19">
      <t>クブン</t>
    </rPh>
    <rPh sb="20" eb="21">
      <t>ベツ</t>
    </rPh>
    <rPh sb="21" eb="23">
      <t>ジンコウ</t>
    </rPh>
    <rPh sb="24" eb="25">
      <t>タイ</t>
    </rPh>
    <rPh sb="25" eb="27">
      <t>ゼンネン</t>
    </rPh>
    <rPh sb="27" eb="29">
      <t>ゾウゲン</t>
    </rPh>
    <rPh sb="29" eb="30">
      <t>スウ</t>
    </rPh>
    <rPh sb="31" eb="32">
      <t>タイ</t>
    </rPh>
    <rPh sb="32" eb="34">
      <t>ゼンネン</t>
    </rPh>
    <rPh sb="34" eb="36">
      <t>ゾウゲン</t>
    </rPh>
    <rPh sb="36" eb="37">
      <t>リツ</t>
    </rPh>
    <rPh sb="38" eb="40">
      <t>ネンレイ</t>
    </rPh>
    <rPh sb="42" eb="44">
      <t>クブン</t>
    </rPh>
    <rPh sb="45" eb="46">
      <t>ベツ</t>
    </rPh>
    <rPh sb="46" eb="48">
      <t>ジンコウ</t>
    </rPh>
    <rPh sb="48" eb="51">
      <t>コウセイヒ</t>
    </rPh>
    <rPh sb="52" eb="54">
      <t>ヘイキン</t>
    </rPh>
    <rPh sb="54" eb="56">
      <t>ネンレイ</t>
    </rPh>
    <rPh sb="56" eb="57">
      <t>オヨ</t>
    </rPh>
    <rPh sb="58" eb="60">
      <t>ロウネン</t>
    </rPh>
    <rPh sb="60" eb="61">
      <t>カ</t>
    </rPh>
    <rPh sb="61" eb="63">
      <t>シスウ</t>
    </rPh>
    <rPh sb="64" eb="68">
      <t>カナガワケン</t>
    </rPh>
    <rPh sb="69" eb="71">
      <t>チイキ</t>
    </rPh>
    <rPh sb="72" eb="74">
      <t>シク</t>
    </rPh>
    <rPh sb="74" eb="76">
      <t>チョウソン</t>
    </rPh>
    <phoneticPr fontId="18"/>
  </si>
  <si>
    <t>【表12】　年齢（３区分）別人口、構成比及び平均年齢の推移（昭和51年～令和５年）〈神奈川県〉</t>
    <rPh sb="6" eb="8">
      <t>ネンレイ</t>
    </rPh>
    <rPh sb="10" eb="12">
      <t>クブン</t>
    </rPh>
    <rPh sb="13" eb="14">
      <t>ベツ</t>
    </rPh>
    <rPh sb="14" eb="16">
      <t>ジンコウ</t>
    </rPh>
    <rPh sb="17" eb="20">
      <t>コウセイヒ</t>
    </rPh>
    <rPh sb="20" eb="21">
      <t>オヨ</t>
    </rPh>
    <rPh sb="22" eb="24">
      <t>ヘイキン</t>
    </rPh>
    <rPh sb="24" eb="26">
      <t>ネンレイ</t>
    </rPh>
    <rPh sb="27" eb="29">
      <t>スイイ</t>
    </rPh>
    <rPh sb="30" eb="32">
      <t>ショウワ</t>
    </rPh>
    <rPh sb="34" eb="35">
      <t>ネン</t>
    </rPh>
    <rPh sb="36" eb="38">
      <t>レイワ</t>
    </rPh>
    <rPh sb="39" eb="40">
      <t>ネン</t>
    </rPh>
    <rPh sb="42" eb="46">
      <t>カナガワケン</t>
    </rPh>
    <phoneticPr fontId="2"/>
  </si>
  <si>
    <t>各年１月１日現在</t>
    <rPh sb="0" eb="2">
      <t>カクネン</t>
    </rPh>
    <rPh sb="3" eb="4">
      <t>ガツ</t>
    </rPh>
    <rPh sb="5" eb="6">
      <t>ニチ</t>
    </rPh>
    <rPh sb="6" eb="8">
      <t>ゲンザイ</t>
    </rPh>
    <phoneticPr fontId="2"/>
  </si>
  <si>
    <t>年齢（３区分）別人口</t>
    <rPh sb="0" eb="2">
      <t>ネンレイ</t>
    </rPh>
    <rPh sb="4" eb="6">
      <t>クブン</t>
    </rPh>
    <rPh sb="7" eb="8">
      <t>ベツ</t>
    </rPh>
    <rPh sb="8" eb="10">
      <t>ジンコウ</t>
    </rPh>
    <phoneticPr fontId="2"/>
  </si>
  <si>
    <t>年齢（３区分）別人口構成比</t>
    <rPh sb="0" eb="2">
      <t>ネンレイ</t>
    </rPh>
    <rPh sb="4" eb="6">
      <t>クブン</t>
    </rPh>
    <rPh sb="7" eb="8">
      <t>ベツ</t>
    </rPh>
    <rPh sb="8" eb="10">
      <t>ジンコウ</t>
    </rPh>
    <rPh sb="10" eb="13">
      <t>コウセイヒ</t>
    </rPh>
    <phoneticPr fontId="2"/>
  </si>
  <si>
    <t>年次</t>
    <rPh sb="0" eb="2">
      <t>ネンジ</t>
    </rPh>
    <phoneticPr fontId="2"/>
  </si>
  <si>
    <t>人口</t>
    <rPh sb="0" eb="2">
      <t>ジンコウ</t>
    </rPh>
    <phoneticPr fontId="2"/>
  </si>
  <si>
    <t>生産年齢人口</t>
    <rPh sb="0" eb="6">
      <t>セイサンネンレイジンコウ</t>
    </rPh>
    <phoneticPr fontId="2"/>
  </si>
  <si>
    <t>（15～64歳）</t>
    <rPh sb="6" eb="7">
      <t>サイ</t>
    </rPh>
    <phoneticPr fontId="2"/>
  </si>
  <si>
    <t>（65歳以上）</t>
    <rPh sb="3" eb="4">
      <t>サイ</t>
    </rPh>
    <rPh sb="4" eb="6">
      <t>イジョウ</t>
    </rPh>
    <phoneticPr fontId="2"/>
  </si>
  <si>
    <t>令和5年</t>
    <rPh sb="0" eb="2">
      <t>レイワ</t>
    </rPh>
    <rPh sb="3" eb="4">
      <t>ネン</t>
    </rPh>
    <phoneticPr fontId="2"/>
  </si>
  <si>
    <t>平成31</t>
    <rPh sb="0" eb="2">
      <t>ヘイセイ</t>
    </rPh>
    <phoneticPr fontId="2"/>
  </si>
  <si>
    <t>９</t>
  </si>
  <si>
    <t>８</t>
  </si>
  <si>
    <t>７</t>
  </si>
  <si>
    <t>６</t>
  </si>
  <si>
    <t>５</t>
  </si>
  <si>
    <t>４</t>
  </si>
  <si>
    <t>３</t>
  </si>
  <si>
    <t>２</t>
  </si>
  <si>
    <t>昭和64</t>
    <rPh sb="0" eb="1">
      <t>ショウワ</t>
    </rPh>
    <phoneticPr fontId="2"/>
  </si>
  <si>
    <t>　（注）　１　総数には年齢不詳を含むため、合計は一致しない。</t>
    <rPh sb="2" eb="3">
      <t>チュウ</t>
    </rPh>
    <phoneticPr fontId="2"/>
  </si>
  <si>
    <t xml:space="preserve">　　　　　２　構成比は年齢不詳を除いて算出しているため、過去の公表資料の数値と一致しない場合がある。  </t>
    <rPh sb="7" eb="10">
      <t>コウセイヒ</t>
    </rPh>
    <rPh sb="11" eb="13">
      <t>ネンレイ</t>
    </rPh>
    <rPh sb="13" eb="15">
      <t>フショウ</t>
    </rPh>
    <rPh sb="16" eb="17">
      <t>ノゾ</t>
    </rPh>
    <rPh sb="19" eb="21">
      <t>サンシュツ</t>
    </rPh>
    <rPh sb="28" eb="30">
      <t>カコ</t>
    </rPh>
    <rPh sb="31" eb="33">
      <t>コウヒョウ</t>
    </rPh>
    <rPh sb="33" eb="35">
      <t>シリョウ</t>
    </rPh>
    <rPh sb="36" eb="38">
      <t>スウチ</t>
    </rPh>
    <rPh sb="39" eb="41">
      <t>イッチ</t>
    </rPh>
    <rPh sb="44" eb="46">
      <t>バアイ</t>
    </rPh>
    <phoneticPr fontId="2"/>
  </si>
  <si>
    <t>【表13】　年齢（５歳階級、３区分）別異動人口〈神奈川県〉</t>
    <phoneticPr fontId="18"/>
  </si>
  <si>
    <t>人口</t>
    <rPh sb="0" eb="2">
      <t>ジンコウ</t>
    </rPh>
    <phoneticPr fontId="18"/>
  </si>
  <si>
    <t>人口増減</t>
    <rPh sb="2" eb="4">
      <t>ゾウゲン</t>
    </rPh>
    <phoneticPr fontId="18"/>
  </si>
  <si>
    <t>自然増減</t>
    <rPh sb="3" eb="4">
      <t>ゲン</t>
    </rPh>
    <phoneticPr fontId="18"/>
  </si>
  <si>
    <t>出　　生</t>
  </si>
  <si>
    <t>死　　亡</t>
    <rPh sb="0" eb="4">
      <t>シボウ</t>
    </rPh>
    <phoneticPr fontId="18"/>
  </si>
  <si>
    <t>社会増減</t>
    <rPh sb="3" eb="4">
      <t>ゲン</t>
    </rPh>
    <phoneticPr fontId="18"/>
  </si>
  <si>
    <t>転　　入</t>
  </si>
  <si>
    <t>転　　出</t>
  </si>
  <si>
    <t>（Ａ+Ｂ)</t>
    <phoneticPr fontId="18"/>
  </si>
  <si>
    <t>(Ａ)＝ａ－ｂ</t>
    <phoneticPr fontId="18"/>
  </si>
  <si>
    <t xml:space="preserve"> ａ</t>
    <phoneticPr fontId="18"/>
  </si>
  <si>
    <t xml:space="preserve"> ｂ</t>
    <phoneticPr fontId="18"/>
  </si>
  <si>
    <t>(Ｂ)＝ｃ－ｄ</t>
    <phoneticPr fontId="18"/>
  </si>
  <si>
    <t>ｃ</t>
    <phoneticPr fontId="18"/>
  </si>
  <si>
    <t>ｄ</t>
    <phoneticPr fontId="18"/>
  </si>
  <si>
    <t>令和５年１月１日現在</t>
    <rPh sb="0" eb="2">
      <t>レイワ</t>
    </rPh>
    <rPh sb="3" eb="4">
      <t>ネン</t>
    </rPh>
    <rPh sb="5" eb="6">
      <t>ガツ</t>
    </rPh>
    <rPh sb="7" eb="10">
      <t>ニチゲンザイ</t>
    </rPh>
    <phoneticPr fontId="18"/>
  </si>
  <si>
    <t xml:space="preserve">     0～ 4歳</t>
    <phoneticPr fontId="18"/>
  </si>
  <si>
    <t>令和４年中</t>
    <rPh sb="0" eb="2">
      <t>レイワ</t>
    </rPh>
    <rPh sb="3" eb="5">
      <t>ネンナカ</t>
    </rPh>
    <phoneticPr fontId="18"/>
  </si>
  <si>
    <t xml:space="preserve">     5～ 9</t>
    <phoneticPr fontId="18"/>
  </si>
  <si>
    <t xml:space="preserve">   10～14</t>
    <phoneticPr fontId="18"/>
  </si>
  <si>
    <t xml:space="preserve">   15～19</t>
    <phoneticPr fontId="18"/>
  </si>
  <si>
    <t xml:space="preserve">   20～24</t>
    <phoneticPr fontId="18"/>
  </si>
  <si>
    <t xml:space="preserve">   25～29</t>
    <phoneticPr fontId="18"/>
  </si>
  <si>
    <t xml:space="preserve">   30～34</t>
    <phoneticPr fontId="18"/>
  </si>
  <si>
    <t xml:space="preserve">   35～39</t>
    <phoneticPr fontId="18"/>
  </si>
  <si>
    <t xml:space="preserve">   40～44</t>
    <phoneticPr fontId="18"/>
  </si>
  <si>
    <t xml:space="preserve">   45～49</t>
    <phoneticPr fontId="18"/>
  </si>
  <si>
    <t xml:space="preserve">   50～54</t>
    <phoneticPr fontId="18"/>
  </si>
  <si>
    <t xml:space="preserve">   55～59</t>
    <phoneticPr fontId="18"/>
  </si>
  <si>
    <t xml:space="preserve">   60～64</t>
    <phoneticPr fontId="18"/>
  </si>
  <si>
    <t xml:space="preserve">   65～69</t>
    <phoneticPr fontId="18"/>
  </si>
  <si>
    <t xml:space="preserve">   70～74</t>
    <phoneticPr fontId="18"/>
  </si>
  <si>
    <t xml:space="preserve">   75～79</t>
    <phoneticPr fontId="18"/>
  </si>
  <si>
    <t xml:space="preserve">   80～84</t>
    <phoneticPr fontId="18"/>
  </si>
  <si>
    <t xml:space="preserve">   85～89</t>
    <phoneticPr fontId="18"/>
  </si>
  <si>
    <t xml:space="preserve">   90～94</t>
    <phoneticPr fontId="18"/>
  </si>
  <si>
    <t xml:space="preserve">   95～99</t>
    <phoneticPr fontId="18"/>
  </si>
  <si>
    <t xml:space="preserve">  100歳以上</t>
    <phoneticPr fontId="18"/>
  </si>
  <si>
    <t xml:space="preserve">   0～14歳</t>
    <phoneticPr fontId="18"/>
  </si>
  <si>
    <t xml:space="preserve">  15～64歳</t>
    <phoneticPr fontId="18"/>
  </si>
  <si>
    <t xml:space="preserve">  65歳以上</t>
    <phoneticPr fontId="18"/>
  </si>
  <si>
    <t>令和４年１月１日現在</t>
    <rPh sb="0" eb="2">
      <t>レイワ</t>
    </rPh>
    <rPh sb="3" eb="4">
      <t>ネン</t>
    </rPh>
    <rPh sb="5" eb="6">
      <t>ガツ</t>
    </rPh>
    <rPh sb="7" eb="10">
      <t>ニチゲンザイ</t>
    </rPh>
    <phoneticPr fontId="18"/>
  </si>
  <si>
    <t>令和３年中</t>
    <rPh sb="0" eb="2">
      <t>レイワ</t>
    </rPh>
    <rPh sb="3" eb="4">
      <t>ネン</t>
    </rPh>
    <rPh sb="4" eb="5">
      <t>チュウ</t>
    </rPh>
    <phoneticPr fontId="18"/>
  </si>
  <si>
    <t>　 （注） １　総数には年齢不詳を含むため、合計は一致しない。</t>
    <rPh sb="3" eb="4">
      <t>チュウ</t>
    </rPh>
    <phoneticPr fontId="18"/>
  </si>
  <si>
    <t>　　　　　２　社会増減のうち、正数は転入超過を、負数は転出超過を表している。</t>
    <phoneticPr fontId="18"/>
  </si>
  <si>
    <t>　　　　　３　転入及び転出は、県内市区町村間の移動を含む。</t>
    <phoneticPr fontId="18"/>
  </si>
  <si>
    <t>【表14】　年齢（10歳階級）別異動人口〈神奈川県〉</t>
    <phoneticPr fontId="18"/>
  </si>
  <si>
    <t xml:space="preserve"> 人　口</t>
    <phoneticPr fontId="18"/>
  </si>
  <si>
    <t>令
和
4
年
中</t>
    <rPh sb="0" eb="1">
      <t>レイ</t>
    </rPh>
    <rPh sb="2" eb="3">
      <t>カズ</t>
    </rPh>
    <rPh sb="6" eb="7">
      <t>ネン</t>
    </rPh>
    <rPh sb="8" eb="9">
      <t>ナカ</t>
    </rPh>
    <phoneticPr fontId="18"/>
  </si>
  <si>
    <t xml:space="preserve">    0～ 9歳</t>
  </si>
  <si>
    <t>-</t>
    <phoneticPr fontId="18"/>
  </si>
  <si>
    <t>１</t>
    <phoneticPr fontId="18"/>
  </si>
  <si>
    <t>月</t>
  </si>
  <si>
    <t>日</t>
  </si>
  <si>
    <t>現</t>
  </si>
  <si>
    <t>在</t>
  </si>
  <si>
    <t xml:space="preserve"> 100歳以上</t>
  </si>
  <si>
    <t>令
和
3
年
中</t>
    <rPh sb="0" eb="1">
      <t>レイ</t>
    </rPh>
    <rPh sb="2" eb="3">
      <t>カズ</t>
    </rPh>
    <rPh sb="6" eb="7">
      <t>ネン</t>
    </rPh>
    <rPh sb="8" eb="9">
      <t>ナカ</t>
    </rPh>
    <phoneticPr fontId="18"/>
  </si>
  <si>
    <t>１</t>
  </si>
  <si>
    <t>令
和
２
年
中</t>
    <rPh sb="0" eb="1">
      <t>レイ</t>
    </rPh>
    <rPh sb="2" eb="3">
      <t>カズ</t>
    </rPh>
    <rPh sb="6" eb="7">
      <t>ネン</t>
    </rPh>
    <rPh sb="8" eb="9">
      <t>ナカ</t>
    </rPh>
    <phoneticPr fontId="18"/>
  </si>
  <si>
    <t>平
成
３１
・
令
和
元
年
中</t>
    <rPh sb="0" eb="1">
      <t>ヘイ</t>
    </rPh>
    <rPh sb="2" eb="3">
      <t>シゲル</t>
    </rPh>
    <rPh sb="9" eb="10">
      <t>レイ</t>
    </rPh>
    <rPh sb="11" eb="12">
      <t>カズ</t>
    </rPh>
    <rPh sb="13" eb="14">
      <t>ガン</t>
    </rPh>
    <rPh sb="15" eb="16">
      <t>ネン</t>
    </rPh>
    <rPh sb="17" eb="18">
      <t>ナカ</t>
    </rPh>
    <phoneticPr fontId="18"/>
  </si>
  <si>
    <t>平
成
30
年
中</t>
    <rPh sb="0" eb="1">
      <t>ヘイ</t>
    </rPh>
    <rPh sb="2" eb="3">
      <t>シゲル</t>
    </rPh>
    <rPh sb="7" eb="8">
      <t>ネン</t>
    </rPh>
    <rPh sb="9" eb="10">
      <t>ナカ</t>
    </rPh>
    <phoneticPr fontId="18"/>
  </si>
  <si>
    <t>平</t>
  </si>
  <si>
    <t>成</t>
  </si>
  <si>
    <t>　（注） １　総数には年齢不詳を含むため、合計は一致しない。</t>
    <rPh sb="2" eb="3">
      <t>チュウ</t>
    </rPh>
    <phoneticPr fontId="18"/>
  </si>
  <si>
    <t>　　　　 ２　社会増減のうち、正数は転入超過を、負数は転出超過を表している。</t>
    <phoneticPr fontId="18"/>
  </si>
  <si>
    <t>　　　　 ３　転入及び転出は、県内市区町村間の移動を含む。</t>
    <phoneticPr fontId="18"/>
  </si>
  <si>
    <t>【表15】－1　年齢（５歳階級、３区分）別、男女別異動人口〈神奈川県〉</t>
    <phoneticPr fontId="18"/>
  </si>
  <si>
    <r>
      <t xml:space="preserve">令和５年１月１日現在
</t>
    </r>
    <r>
      <rPr>
        <sz val="11"/>
        <rFont val="ＭＳ Ｐ明朝"/>
        <family val="1"/>
        <charset val="128"/>
      </rPr>
      <t>人口</t>
    </r>
    <r>
      <rPr>
        <sz val="10"/>
        <rFont val="ＭＳ Ｐ明朝"/>
        <family val="1"/>
        <charset val="128"/>
      </rPr>
      <t>　</t>
    </r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rPh sb="12" eb="14">
      <t>ジンコウ</t>
    </rPh>
    <phoneticPr fontId="18"/>
  </si>
  <si>
    <t>令 和 ４ 年 中</t>
    <rPh sb="0" eb="1">
      <t>レイ</t>
    </rPh>
    <rPh sb="2" eb="3">
      <t>ワ</t>
    </rPh>
    <phoneticPr fontId="18"/>
  </si>
  <si>
    <t>人　口　増　減</t>
    <rPh sb="0" eb="1">
      <t>ヒト</t>
    </rPh>
    <rPh sb="2" eb="3">
      <t>クチ</t>
    </rPh>
    <rPh sb="4" eb="5">
      <t>ゾウ</t>
    </rPh>
    <rPh sb="6" eb="7">
      <t>ゲン</t>
    </rPh>
    <phoneticPr fontId="18"/>
  </si>
  <si>
    <t>死　　亡</t>
    <phoneticPr fontId="18"/>
  </si>
  <si>
    <t>(Ａ＋Ｂ)</t>
  </si>
  <si>
    <t xml:space="preserve"> (Ａ)＝ａ－ｂ</t>
    <phoneticPr fontId="18"/>
  </si>
  <si>
    <t>ａ</t>
    <phoneticPr fontId="18"/>
  </si>
  <si>
    <t>ｂ</t>
    <phoneticPr fontId="18"/>
  </si>
  <si>
    <t xml:space="preserve"> (Ｂ)＝ｃ－ｄ</t>
    <phoneticPr fontId="18"/>
  </si>
  <si>
    <t>総数</t>
  </si>
  <si>
    <t>男</t>
  </si>
  <si>
    <t>女</t>
  </si>
  <si>
    <t>総数</t>
    <phoneticPr fontId="18"/>
  </si>
  <si>
    <t>(構成比)</t>
    <rPh sb="1" eb="4">
      <t>コウセイヒ</t>
    </rPh>
    <phoneticPr fontId="18"/>
  </si>
  <si>
    <t>男</t>
    <rPh sb="0" eb="1">
      <t>オトコ</t>
    </rPh>
    <phoneticPr fontId="18"/>
  </si>
  <si>
    <t>（％）</t>
    <phoneticPr fontId="18"/>
  </si>
  <si>
    <t>（－）</t>
    <phoneticPr fontId="18"/>
  </si>
  <si>
    <t>（－）</t>
  </si>
  <si>
    <t>－</t>
    <phoneticPr fontId="18"/>
  </si>
  <si>
    <t>　　　　　２　構成比は年齢不詳を除いて算出している。</t>
    <phoneticPr fontId="18"/>
  </si>
  <si>
    <t>　　　　　３　社会増減のうち、正数は転入超過を、負数は転出超過を表している。</t>
    <phoneticPr fontId="18"/>
  </si>
  <si>
    <t>　　　　　４　転入及び転出は、県内市区町村間の移動を含む。</t>
    <phoneticPr fontId="18"/>
  </si>
  <si>
    <t>【表15】－2　年齢（５歳階級、３区分）別、男女別異動人口〈横浜市〉</t>
    <rPh sb="30" eb="33">
      <t>ヨコハマシ</t>
    </rPh>
    <phoneticPr fontId="18"/>
  </si>
  <si>
    <t>【表15】－3　年齢（５歳階級、３区分）別、男女別異動人口〈川崎市〉</t>
    <rPh sb="30" eb="32">
      <t>カワサキ</t>
    </rPh>
    <rPh sb="32" eb="33">
      <t>シ</t>
    </rPh>
    <phoneticPr fontId="18"/>
  </si>
  <si>
    <t>【表15】－4　年齢（５歳階級、３区分）別、男女別異動人口〈横須賀三浦地域〉</t>
    <rPh sb="17" eb="19">
      <t>クブン</t>
    </rPh>
    <rPh sb="30" eb="35">
      <t>ヨコスカミウラ</t>
    </rPh>
    <rPh sb="35" eb="37">
      <t>チイキ</t>
    </rPh>
    <phoneticPr fontId="18"/>
  </si>
  <si>
    <t>【表15】―5　年齢（５歳階級、３区分）別、男女別異動人口〈県央地域〉</t>
    <rPh sb="30" eb="32">
      <t>ケンオウ</t>
    </rPh>
    <rPh sb="32" eb="34">
      <t>チイキ</t>
    </rPh>
    <phoneticPr fontId="18"/>
  </si>
  <si>
    <t>【表15】―6　年齢（５歳階級、３区分）別、男女別異動人口〈湘南地域〉</t>
    <rPh sb="30" eb="32">
      <t>ショウナン</t>
    </rPh>
    <rPh sb="32" eb="34">
      <t>チイキ</t>
    </rPh>
    <phoneticPr fontId="18"/>
  </si>
  <si>
    <t>【表15】―7　年齢（５歳階級、３区分）別、男女別異動人口〈県西地域〉</t>
    <rPh sb="17" eb="19">
      <t>クブン</t>
    </rPh>
    <rPh sb="30" eb="32">
      <t>ケンニシ</t>
    </rPh>
    <rPh sb="32" eb="34">
      <t>チイキ</t>
    </rPh>
    <phoneticPr fontId="18"/>
  </si>
  <si>
    <t>【表16】－1　年齢（10歳階級）別、男女別異動人口〈神奈川県〉</t>
    <phoneticPr fontId="18"/>
  </si>
  <si>
    <t>（ア）</t>
    <phoneticPr fontId="18"/>
  </si>
  <si>
    <t xml:space="preserve">     0～ 9歳</t>
    <phoneticPr fontId="18"/>
  </si>
  <si>
    <t>（ア）</t>
  </si>
  <si>
    <t xml:space="preserve">   10～19</t>
    <phoneticPr fontId="18"/>
  </si>
  <si>
    <t xml:space="preserve">   20～29</t>
    <phoneticPr fontId="18"/>
  </si>
  <si>
    <t>令和４年中</t>
    <rPh sb="0" eb="2">
      <t>レイワ</t>
    </rPh>
    <rPh sb="3" eb="4">
      <t>ネン</t>
    </rPh>
    <rPh sb="4" eb="5">
      <t>ナカ</t>
    </rPh>
    <phoneticPr fontId="18"/>
  </si>
  <si>
    <t xml:space="preserve">   30～39</t>
    <phoneticPr fontId="18"/>
  </si>
  <si>
    <t xml:space="preserve">   40～49</t>
    <phoneticPr fontId="18"/>
  </si>
  <si>
    <t xml:space="preserve">   50～59</t>
    <phoneticPr fontId="18"/>
  </si>
  <si>
    <t xml:space="preserve">   60～69</t>
    <phoneticPr fontId="18"/>
  </si>
  <si>
    <t xml:space="preserve">   70～79</t>
    <phoneticPr fontId="18"/>
  </si>
  <si>
    <t xml:space="preserve">   80～89</t>
    <phoneticPr fontId="18"/>
  </si>
  <si>
    <t xml:space="preserve">   90～99</t>
    <phoneticPr fontId="18"/>
  </si>
  <si>
    <t>（イ）</t>
    <phoneticPr fontId="18"/>
  </si>
  <si>
    <t>令和３年中</t>
    <rPh sb="0" eb="2">
      <t>レイワ</t>
    </rPh>
    <rPh sb="3" eb="4">
      <t>ネン</t>
    </rPh>
    <rPh sb="4" eb="5">
      <t>ナカ</t>
    </rPh>
    <phoneticPr fontId="18"/>
  </si>
  <si>
    <t>❘</t>
    <phoneticPr fontId="18"/>
  </si>
  <si>
    <t>　令和４～５年増減</t>
    <rPh sb="1" eb="3">
      <t>レイワ</t>
    </rPh>
    <rPh sb="6" eb="7">
      <t>ネン</t>
    </rPh>
    <rPh sb="7" eb="9">
      <t>ゾウゲン</t>
    </rPh>
    <phoneticPr fontId="18"/>
  </si>
  <si>
    <t>　令和３～４年中増減</t>
    <rPh sb="1" eb="3">
      <t>レイワ</t>
    </rPh>
    <rPh sb="6" eb="7">
      <t>ネン</t>
    </rPh>
    <rPh sb="7" eb="8">
      <t>ナカ</t>
    </rPh>
    <rPh sb="8" eb="10">
      <t>ゾウゲン</t>
    </rPh>
    <phoneticPr fontId="18"/>
  </si>
  <si>
    <t>【表16】－2　年齢（10歳階級）別、男女別異動人口〈横　浜　市〉</t>
    <rPh sb="27" eb="28">
      <t>ヨコ</t>
    </rPh>
    <rPh sb="29" eb="30">
      <t>ハマ</t>
    </rPh>
    <rPh sb="31" eb="32">
      <t>シ</t>
    </rPh>
    <phoneticPr fontId="18"/>
  </si>
  <si>
    <t>【表16】－3　年齢（10歳階級）別、男女別異動人口〈川　崎　市〉</t>
    <rPh sb="27" eb="28">
      <t>カワ</t>
    </rPh>
    <rPh sb="29" eb="30">
      <t>ザキ</t>
    </rPh>
    <rPh sb="31" eb="32">
      <t>シ</t>
    </rPh>
    <phoneticPr fontId="18"/>
  </si>
  <si>
    <t>【表16】－4　年齢（10歳階級）別、男女別異動人口〈横須賀三浦地域〉</t>
    <rPh sb="33" eb="34">
      <t>イキ</t>
    </rPh>
    <phoneticPr fontId="18"/>
  </si>
  <si>
    <t>【表16】－5　年齢（10歳階級）別、男女別異動人口〈県央地域〉</t>
    <rPh sb="30" eb="31">
      <t>イキ</t>
    </rPh>
    <phoneticPr fontId="18"/>
  </si>
  <si>
    <t>【表16】－6　年齢（10歳階級）別、男女別異動人口〈湘南地域〉</t>
    <rPh sb="30" eb="31">
      <t>イキ</t>
    </rPh>
    <phoneticPr fontId="18"/>
  </si>
  <si>
    <t>【表16】－7　年齢（10歳階級）別、男女別異動人口〈県西地域〉</t>
    <rPh sb="27" eb="29">
      <t>ケンセイ</t>
    </rPh>
    <rPh sb="30" eb="31">
      <t>イキ</t>
    </rPh>
    <phoneticPr fontId="18"/>
  </si>
  <si>
    <t>【表17】-1　年齢（３区分）別、男女別異動人口〈神奈川県、地域、市区町村〉</t>
    <rPh sb="1" eb="2">
      <t>ヒョウ</t>
    </rPh>
    <rPh sb="8" eb="10">
      <t>ネンレイ</t>
    </rPh>
    <rPh sb="12" eb="14">
      <t>クブン</t>
    </rPh>
    <rPh sb="15" eb="16">
      <t>ベツ</t>
    </rPh>
    <rPh sb="17" eb="20">
      <t>ダンジョベツ</t>
    </rPh>
    <rPh sb="20" eb="22">
      <t>イドウ</t>
    </rPh>
    <rPh sb="22" eb="24">
      <t>ジンコウ</t>
    </rPh>
    <rPh sb="25" eb="29">
      <t>カナガワケン</t>
    </rPh>
    <rPh sb="30" eb="32">
      <t>チイキ</t>
    </rPh>
    <rPh sb="33" eb="35">
      <t>シク</t>
    </rPh>
    <rPh sb="35" eb="37">
      <t>チョウソン</t>
    </rPh>
    <phoneticPr fontId="18"/>
  </si>
  <si>
    <t xml:space="preserve">  総数〔出生、死亡、転入、転出〕</t>
    <rPh sb="2" eb="4">
      <t>ソウスウ</t>
    </rPh>
    <rPh sb="5" eb="7">
      <t>シュッショウ</t>
    </rPh>
    <rPh sb="8" eb="10">
      <t>シボウ</t>
    </rPh>
    <rPh sb="11" eb="13">
      <t>テンニュウ</t>
    </rPh>
    <rPh sb="14" eb="16">
      <t>テンシュツ</t>
    </rPh>
    <phoneticPr fontId="18"/>
  </si>
  <si>
    <t>(単位：人)  令和４年中</t>
    <rPh sb="1" eb="3">
      <t>タンイ</t>
    </rPh>
    <rPh sb="4" eb="5">
      <t>ニン</t>
    </rPh>
    <rPh sb="8" eb="10">
      <t>レイワ</t>
    </rPh>
    <phoneticPr fontId="18"/>
  </si>
  <si>
    <t>地域・市区町村</t>
  </si>
  <si>
    <t>出　　生</t>
    <rPh sb="0" eb="4">
      <t>シュッショウ</t>
    </rPh>
    <phoneticPr fontId="18"/>
  </si>
  <si>
    <t>転　　入</t>
    <phoneticPr fontId="18"/>
  </si>
  <si>
    <t>転　　出</t>
    <phoneticPr fontId="18"/>
  </si>
  <si>
    <t>県　　　　　計</t>
    <phoneticPr fontId="18"/>
  </si>
  <si>
    <t>横浜市</t>
    <rPh sb="0" eb="2">
      <t>ヨコハマシ</t>
    </rPh>
    <phoneticPr fontId="18"/>
  </si>
  <si>
    <t>鶴見区</t>
  </si>
  <si>
    <t>神奈川区</t>
  </si>
  <si>
    <t>西区</t>
  </si>
  <si>
    <t>中区</t>
  </si>
  <si>
    <t>南区</t>
  </si>
  <si>
    <t>保土ケ谷区</t>
    <phoneticPr fontId="18"/>
  </si>
  <si>
    <t>磯子区</t>
  </si>
  <si>
    <t>金沢区</t>
  </si>
  <si>
    <t>港北区</t>
  </si>
  <si>
    <t>戸塚区</t>
  </si>
  <si>
    <t>港南区</t>
  </si>
  <si>
    <t>旭区</t>
  </si>
  <si>
    <t>緑区</t>
  </si>
  <si>
    <t>瀬谷区</t>
  </si>
  <si>
    <t>栄区</t>
  </si>
  <si>
    <t>泉区</t>
  </si>
  <si>
    <t>青葉区</t>
  </si>
  <si>
    <t>都筑区</t>
  </si>
  <si>
    <t>川崎市</t>
    <rPh sb="0" eb="2">
      <t>カワサキシ</t>
    </rPh>
    <phoneticPr fontId="18"/>
  </si>
  <si>
    <t>川崎区</t>
  </si>
  <si>
    <t>幸区</t>
  </si>
  <si>
    <t>中原区</t>
  </si>
  <si>
    <t>高津区</t>
  </si>
  <si>
    <t>多摩区</t>
  </si>
  <si>
    <t>宮前区</t>
  </si>
  <si>
    <t>麻生区</t>
  </si>
  <si>
    <t>横須賀三浦地域</t>
    <rPh sb="0" eb="3">
      <t>ヨコスカ</t>
    </rPh>
    <rPh sb="3" eb="5">
      <t>ミウラ</t>
    </rPh>
    <rPh sb="5" eb="7">
      <t>チイキ</t>
    </rPh>
    <phoneticPr fontId="18"/>
  </si>
  <si>
    <t>横須賀市</t>
  </si>
  <si>
    <t>鎌倉市</t>
  </si>
  <si>
    <t>逗子市</t>
  </si>
  <si>
    <t>三浦市</t>
  </si>
  <si>
    <t>葉山町</t>
  </si>
  <si>
    <t>県 央 地 域</t>
    <rPh sb="0" eb="1">
      <t>ケン</t>
    </rPh>
    <rPh sb="2" eb="3">
      <t>オウ</t>
    </rPh>
    <rPh sb="4" eb="5">
      <t>チ</t>
    </rPh>
    <rPh sb="6" eb="7">
      <t>イキ</t>
    </rPh>
    <phoneticPr fontId="18"/>
  </si>
  <si>
    <t>　相　模　原　市</t>
    <phoneticPr fontId="18"/>
  </si>
  <si>
    <t>緑区</t>
    <rPh sb="0" eb="2">
      <t>ミドリク</t>
    </rPh>
    <phoneticPr fontId="18"/>
  </si>
  <si>
    <t>中央区</t>
    <rPh sb="0" eb="3">
      <t>チュウオウク</t>
    </rPh>
    <phoneticPr fontId="18"/>
  </si>
  <si>
    <t>南区</t>
    <rPh sb="0" eb="2">
      <t>ミナミク</t>
    </rPh>
    <phoneticPr fontId="18"/>
  </si>
  <si>
    <t>厚木市</t>
  </si>
  <si>
    <t>大和市</t>
  </si>
  <si>
    <t>海老名市</t>
  </si>
  <si>
    <t>座間市</t>
  </si>
  <si>
    <t>綾瀬市</t>
  </si>
  <si>
    <t>愛川町</t>
  </si>
  <si>
    <t>湘南地域</t>
    <rPh sb="0" eb="1">
      <t>ショウ</t>
    </rPh>
    <rPh sb="1" eb="2">
      <t>ミナミ</t>
    </rPh>
    <rPh sb="2" eb="3">
      <t>チク</t>
    </rPh>
    <rPh sb="3" eb="4">
      <t>イキ</t>
    </rPh>
    <phoneticPr fontId="18"/>
  </si>
  <si>
    <t>平塚市</t>
  </si>
  <si>
    <t>茅ヶ崎市</t>
  </si>
  <si>
    <t>秦野市</t>
  </si>
  <si>
    <t>伊勢原市</t>
  </si>
  <si>
    <t>寒川町</t>
  </si>
  <si>
    <t>大磯町</t>
  </si>
  <si>
    <t>二宮町</t>
  </si>
  <si>
    <t>県西地域</t>
    <rPh sb="0" eb="2">
      <t>ケンセイ</t>
    </rPh>
    <rPh sb="2" eb="4">
      <t>チイキ</t>
    </rPh>
    <phoneticPr fontId="18"/>
  </si>
  <si>
    <t>小田原市</t>
  </si>
  <si>
    <t>南足柄市</t>
  </si>
  <si>
    <t>中井町</t>
  </si>
  <si>
    <t>大井町</t>
  </si>
  <si>
    <t>松田町</t>
  </si>
  <si>
    <t>開成町</t>
  </si>
  <si>
    <t>（注）　転入及び転出は、県内市区町村間の移動を含む。</t>
    <rPh sb="1" eb="2">
      <t>チュウ</t>
    </rPh>
    <rPh sb="4" eb="6">
      <t>テンニュウ</t>
    </rPh>
    <rPh sb="6" eb="7">
      <t>オヨ</t>
    </rPh>
    <rPh sb="8" eb="10">
      <t>テンシュツ</t>
    </rPh>
    <rPh sb="12" eb="14">
      <t>ケンナイ</t>
    </rPh>
    <rPh sb="14" eb="18">
      <t>シクチョウソン</t>
    </rPh>
    <rPh sb="18" eb="19">
      <t>カン</t>
    </rPh>
    <rPh sb="20" eb="22">
      <t>イドウ</t>
    </rPh>
    <rPh sb="23" eb="24">
      <t>フク</t>
    </rPh>
    <phoneticPr fontId="18"/>
  </si>
  <si>
    <t>【表17】-2　年齢（３区分）別、男女別異動人口〈神奈川県、地域、市区町村〉</t>
    <rPh sb="1" eb="2">
      <t>ヒョウ</t>
    </rPh>
    <rPh sb="8" eb="10">
      <t>ネンレイ</t>
    </rPh>
    <rPh sb="12" eb="14">
      <t>クブン</t>
    </rPh>
    <rPh sb="15" eb="16">
      <t>ベツ</t>
    </rPh>
    <rPh sb="17" eb="19">
      <t>ダンジョ</t>
    </rPh>
    <rPh sb="19" eb="20">
      <t>ベツ</t>
    </rPh>
    <rPh sb="20" eb="22">
      <t>イドウ</t>
    </rPh>
    <rPh sb="22" eb="24">
      <t>ジンコウ</t>
    </rPh>
    <rPh sb="25" eb="29">
      <t>カナガワケン</t>
    </rPh>
    <rPh sb="30" eb="32">
      <t>チイキ</t>
    </rPh>
    <rPh sb="33" eb="35">
      <t>シク</t>
    </rPh>
    <rPh sb="35" eb="37">
      <t>チョウソン</t>
    </rPh>
    <phoneticPr fontId="18"/>
  </si>
  <si>
    <t xml:space="preserve"> 〔死  亡〕</t>
    <rPh sb="2" eb="6">
      <t>シボウ</t>
    </rPh>
    <phoneticPr fontId="18"/>
  </si>
  <si>
    <t>総　　数</t>
    <rPh sb="0" eb="4">
      <t>ソウスウ</t>
    </rPh>
    <phoneticPr fontId="18"/>
  </si>
  <si>
    <t>０～14歳</t>
  </si>
  <si>
    <t>県央地域</t>
    <rPh sb="0" eb="1">
      <t>ケン</t>
    </rPh>
    <rPh sb="1" eb="2">
      <t>オウ</t>
    </rPh>
    <rPh sb="2" eb="3">
      <t>チク</t>
    </rPh>
    <rPh sb="3" eb="4">
      <t>イキ</t>
    </rPh>
    <phoneticPr fontId="18"/>
  </si>
  <si>
    <t>県西地域</t>
    <rPh sb="0" eb="2">
      <t>ケンセイ</t>
    </rPh>
    <rPh sb="2" eb="3">
      <t>チク</t>
    </rPh>
    <rPh sb="3" eb="4">
      <t>イキ</t>
    </rPh>
    <phoneticPr fontId="18"/>
  </si>
  <si>
    <t>【表17】-3　年齢（３区分）別、男女別異動人口〈神奈川県、地域、市区町村〉</t>
    <rPh sb="1" eb="2">
      <t>ヒョウ</t>
    </rPh>
    <rPh sb="8" eb="10">
      <t>ネンレイ</t>
    </rPh>
    <rPh sb="12" eb="14">
      <t>クブン</t>
    </rPh>
    <rPh sb="15" eb="16">
      <t>ベツ</t>
    </rPh>
    <rPh sb="17" eb="20">
      <t>ダンジョベツ</t>
    </rPh>
    <rPh sb="20" eb="22">
      <t>イドウ</t>
    </rPh>
    <rPh sb="22" eb="24">
      <t>ジンコウ</t>
    </rPh>
    <rPh sb="25" eb="29">
      <t>カナガワケン</t>
    </rPh>
    <rPh sb="30" eb="32">
      <t>チイキ</t>
    </rPh>
    <rPh sb="33" eb="35">
      <t>シク</t>
    </rPh>
    <rPh sb="35" eb="37">
      <t>チョウソン</t>
    </rPh>
    <phoneticPr fontId="18"/>
  </si>
  <si>
    <t xml:space="preserve"> 〔転  入〕</t>
    <rPh sb="2" eb="6">
      <t>テンニュウ</t>
    </rPh>
    <phoneticPr fontId="18"/>
  </si>
  <si>
    <t>県央地域</t>
    <rPh sb="0" eb="1">
      <t>ケン</t>
    </rPh>
    <rPh sb="1" eb="2">
      <t>オウ</t>
    </rPh>
    <phoneticPr fontId="18"/>
  </si>
  <si>
    <t>湘南地域</t>
    <rPh sb="0" eb="1">
      <t>ショウ</t>
    </rPh>
    <rPh sb="1" eb="2">
      <t>ミナミ</t>
    </rPh>
    <phoneticPr fontId="18"/>
  </si>
  <si>
    <t>県西地域</t>
    <rPh sb="0" eb="2">
      <t>ケンセイ</t>
    </rPh>
    <phoneticPr fontId="18"/>
  </si>
  <si>
    <t>（注）　県内市区町村間の移動を含む。</t>
    <rPh sb="1" eb="2">
      <t>チュウ</t>
    </rPh>
    <rPh sb="4" eb="6">
      <t>ケンナイ</t>
    </rPh>
    <rPh sb="6" eb="10">
      <t>シクチョウソン</t>
    </rPh>
    <rPh sb="10" eb="11">
      <t>カン</t>
    </rPh>
    <rPh sb="12" eb="14">
      <t>イドウ</t>
    </rPh>
    <rPh sb="15" eb="16">
      <t>フク</t>
    </rPh>
    <phoneticPr fontId="18"/>
  </si>
  <si>
    <t>【表17】-4  年齢（３区分）別、男女別異動人口〈神奈川県、地域、市区町村〉</t>
    <rPh sb="1" eb="2">
      <t>ヒョウ</t>
    </rPh>
    <rPh sb="9" eb="11">
      <t>ネンレイ</t>
    </rPh>
    <rPh sb="13" eb="15">
      <t>クブン</t>
    </rPh>
    <rPh sb="16" eb="17">
      <t>ベツ</t>
    </rPh>
    <rPh sb="18" eb="21">
      <t>ダンジョベツ</t>
    </rPh>
    <rPh sb="21" eb="23">
      <t>イドウ</t>
    </rPh>
    <rPh sb="23" eb="25">
      <t>ジンコウ</t>
    </rPh>
    <rPh sb="26" eb="30">
      <t>カナガワケン</t>
    </rPh>
    <rPh sb="34" eb="36">
      <t>シク</t>
    </rPh>
    <rPh sb="36" eb="38">
      <t>チョウソン</t>
    </rPh>
    <phoneticPr fontId="18"/>
  </si>
  <si>
    <t xml:space="preserve"> 〔転  出〕</t>
    <rPh sb="2" eb="6">
      <t>テンシュツ</t>
    </rPh>
    <phoneticPr fontId="18"/>
  </si>
  <si>
    <t>　</t>
    <phoneticPr fontId="18"/>
  </si>
  <si>
    <t>【表15】―1　年齢（５歳階級、３区分）別、男女別異動人口〈神奈川県〉</t>
    <phoneticPr fontId="18"/>
  </si>
  <si>
    <t>【表16】―１　年齢（10歳階級）別、男女別異動人口〈神奈川県〉</t>
    <phoneticPr fontId="2"/>
  </si>
  <si>
    <t>【表16】―２　年齢（10歳階級）別、男女別異動人口〈横　浜　市〉</t>
    <rPh sb="27" eb="28">
      <t>ヨコ</t>
    </rPh>
    <rPh sb="29" eb="30">
      <t>ハマ</t>
    </rPh>
    <rPh sb="31" eb="32">
      <t>シ</t>
    </rPh>
    <phoneticPr fontId="18"/>
  </si>
  <si>
    <t>【表16】―３　年齢（10歳階級）別、男女別異動人口〈川　崎　市〉</t>
    <rPh sb="27" eb="28">
      <t>カワ</t>
    </rPh>
    <rPh sb="29" eb="30">
      <t>ザキ</t>
    </rPh>
    <rPh sb="31" eb="32">
      <t>シ</t>
    </rPh>
    <phoneticPr fontId="18"/>
  </si>
  <si>
    <t>【表16】―４　年齢（10歳階級）別、男女別異動人口〈横須賀三浦地域〉</t>
    <rPh sb="33" eb="34">
      <t>イキ</t>
    </rPh>
    <phoneticPr fontId="18"/>
  </si>
  <si>
    <t>【表16】―５　年齢（10歳階級）別、男女別異動人口〈県央地域〉</t>
    <rPh sb="30" eb="31">
      <t>イキ</t>
    </rPh>
    <phoneticPr fontId="18"/>
  </si>
  <si>
    <t>【表16】―６　年齢（10歳階級）別、男女別異動人口〈湘南地域〉</t>
    <rPh sb="30" eb="31">
      <t>イキ</t>
    </rPh>
    <phoneticPr fontId="18"/>
  </si>
  <si>
    <t>【表16】―７　年齢（10歳階級）別、男女別異動人口〈県西地域〉</t>
    <rPh sb="27" eb="29">
      <t>ケンセイ</t>
    </rPh>
    <rPh sb="30" eb="31">
      <t>イキ</t>
    </rPh>
    <phoneticPr fontId="1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3">
    <numFmt numFmtId="176" formatCode="#,##0_);[Red]\(#,##0\)"/>
    <numFmt numFmtId="177" formatCode="0.0_ "/>
    <numFmt numFmtId="178" formatCode="#,##0.0;\-#,##0.0"/>
    <numFmt numFmtId="179" formatCode="0.0_);[Red]\(0.0\)"/>
    <numFmt numFmtId="180" formatCode="0.0"/>
    <numFmt numFmtId="181" formatCode="#,##0_ "/>
    <numFmt numFmtId="182" formatCode="#,##0.0_ "/>
    <numFmt numFmtId="183" formatCode="0.00_ "/>
    <numFmt numFmtId="184" formatCode="#,##0.0\ ;\-#,##0.0\ "/>
    <numFmt numFmtId="185" formatCode="0.00_);[Red]\(0.00\)"/>
    <numFmt numFmtId="186" formatCode="#,##0.0_)"/>
    <numFmt numFmtId="187" formatCode="#,##0.00_ "/>
    <numFmt numFmtId="188" formatCode="\(0.0\)"/>
  </numFmts>
  <fonts count="55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10"/>
      <name val="ＭＳ Ｐ明朝"/>
      <family val="1"/>
      <charset val="128"/>
    </font>
    <font>
      <sz val="11"/>
      <name val="ＭＳ Ｐゴシック"/>
      <family val="3"/>
      <charset val="128"/>
    </font>
    <font>
      <b/>
      <sz val="12"/>
      <color indexed="9"/>
      <name val="ＭＳ 明朝"/>
      <family val="1"/>
      <charset val="128"/>
    </font>
    <font>
      <sz val="11"/>
      <name val="明朝"/>
      <family val="1"/>
      <charset val="128"/>
    </font>
    <font>
      <sz val="9"/>
      <name val="ＭＳ Ｐ明朝"/>
      <family val="1"/>
      <charset val="128"/>
    </font>
    <font>
      <sz val="8"/>
      <name val="ＭＳ Ｐ明朝"/>
      <family val="1"/>
      <charset val="128"/>
    </font>
    <font>
      <sz val="10"/>
      <color theme="0"/>
      <name val="ＭＳ Ｐ明朝"/>
      <family val="1"/>
      <charset val="128"/>
    </font>
    <font>
      <sz val="10"/>
      <name val="ＭＳ 明朝"/>
      <family val="1"/>
      <charset val="128"/>
    </font>
    <font>
      <b/>
      <sz val="11"/>
      <name val="ＭＳ Ｐ明朝"/>
      <family val="1"/>
      <charset val="128"/>
    </font>
    <font>
      <b/>
      <sz val="12"/>
      <name val="ＭＳ Ｐ明朝"/>
      <family val="1"/>
      <charset val="128"/>
    </font>
    <font>
      <b/>
      <sz val="10"/>
      <name val="ＭＳ Ｐ明朝"/>
      <family val="1"/>
      <charset val="128"/>
    </font>
    <font>
      <sz val="12"/>
      <name val="ＭＳ Ｐ明朝"/>
      <family val="1"/>
      <charset val="128"/>
    </font>
    <font>
      <b/>
      <sz val="13"/>
      <name val="ＭＳ Ｐ明朝"/>
      <family val="1"/>
      <charset val="128"/>
    </font>
    <font>
      <sz val="11"/>
      <color indexed="10"/>
      <name val="ＭＳ Ｐ明朝"/>
      <family val="1"/>
      <charset val="128"/>
    </font>
    <font>
      <sz val="6"/>
      <name val="ＭＳ Ｐ明朝"/>
      <family val="1"/>
      <charset val="128"/>
    </font>
    <font>
      <b/>
      <sz val="14"/>
      <name val="ＭＳ Ｐ明朝"/>
      <family val="1"/>
      <charset val="128"/>
    </font>
    <font>
      <sz val="6"/>
      <name val="明朝"/>
      <family val="1"/>
      <charset val="128"/>
    </font>
    <font>
      <sz val="12"/>
      <color indexed="10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11"/>
      <color theme="1"/>
      <name val="HGPｺﾞｼｯｸE"/>
      <family val="3"/>
      <charset val="128"/>
    </font>
    <font>
      <sz val="12"/>
      <name val="明朝"/>
      <family val="1"/>
      <charset val="128"/>
    </font>
    <font>
      <sz val="11"/>
      <color theme="1"/>
      <name val="ＭＳ Ｐ明朝"/>
      <family val="1"/>
      <charset val="128"/>
    </font>
    <font>
      <b/>
      <i/>
      <sz val="11"/>
      <color rgb="FFFF0000"/>
      <name val="ＭＳ Ｐ明朝"/>
      <family val="1"/>
      <charset val="128"/>
    </font>
    <font>
      <b/>
      <i/>
      <sz val="11"/>
      <name val="ＭＳ Ｐ明朝"/>
      <family val="1"/>
      <charset val="128"/>
    </font>
    <font>
      <b/>
      <sz val="9"/>
      <name val="ＭＳ Ｐ明朝"/>
      <family val="1"/>
      <charset val="128"/>
    </font>
    <font>
      <b/>
      <sz val="11"/>
      <name val="ＭＳ 明朝"/>
      <family val="1"/>
      <charset val="128"/>
    </font>
    <font>
      <b/>
      <sz val="10"/>
      <name val="ＭＳ 明朝"/>
      <family val="1"/>
      <charset val="128"/>
    </font>
    <font>
      <sz val="10"/>
      <name val="明朝"/>
      <family val="1"/>
      <charset val="128"/>
    </font>
    <font>
      <sz val="8"/>
      <name val="ＭＳ 明朝"/>
      <family val="1"/>
      <charset val="128"/>
    </font>
    <font>
      <sz val="8"/>
      <name val="明朝"/>
      <family val="1"/>
      <charset val="128"/>
    </font>
    <font>
      <b/>
      <sz val="9.5"/>
      <name val="ＭＳ ゴシック"/>
      <family val="3"/>
      <charset val="128"/>
    </font>
    <font>
      <sz val="9.5"/>
      <name val="ＭＳ 明朝"/>
      <family val="1"/>
      <charset val="128"/>
    </font>
    <font>
      <b/>
      <sz val="11"/>
      <name val="ＭＳ ゴシック"/>
      <family val="3"/>
      <charset val="128"/>
    </font>
    <font>
      <sz val="9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9"/>
      <color rgb="FFFF0000"/>
      <name val="ＭＳ Ｐ明朝"/>
      <family val="1"/>
      <charset val="128"/>
    </font>
    <font>
      <sz val="11"/>
      <name val="ＭＳ ゴシック"/>
      <family val="3"/>
      <charset val="128"/>
    </font>
    <font>
      <sz val="7"/>
      <name val="ＭＳ Ｐ明朝"/>
      <family val="1"/>
      <charset val="128"/>
    </font>
    <font>
      <sz val="9"/>
      <name val="明朝"/>
      <family val="1"/>
      <charset val="128"/>
    </font>
    <font>
      <b/>
      <sz val="11"/>
      <name val="ｺﾞｼｯｸ"/>
      <family val="3"/>
      <charset val="128"/>
    </font>
    <font>
      <sz val="9"/>
      <name val="ｺﾞｼｯｸ"/>
      <family val="3"/>
      <charset val="128"/>
    </font>
    <font>
      <sz val="9"/>
      <name val="ＭＳ ゴシック"/>
      <family val="3"/>
      <charset val="128"/>
    </font>
    <font>
      <b/>
      <sz val="10.5"/>
      <name val="ＭＳ Ｐ明朝"/>
      <family val="1"/>
      <charset val="128"/>
    </font>
    <font>
      <sz val="10.5"/>
      <name val="ＭＳ Ｐ明朝"/>
      <family val="1"/>
      <charset val="128"/>
    </font>
    <font>
      <b/>
      <sz val="9"/>
      <name val="ＭＳ ゴシック"/>
      <family val="3"/>
      <charset val="128"/>
    </font>
    <font>
      <sz val="11"/>
      <name val="ｺﾞｼｯｸ"/>
      <family val="3"/>
      <charset val="128"/>
    </font>
    <font>
      <b/>
      <sz val="10"/>
      <name val="明朝"/>
      <family val="1"/>
      <charset val="128"/>
    </font>
    <font>
      <sz val="10.5"/>
      <name val="明朝"/>
      <family val="1"/>
      <charset val="128"/>
    </font>
    <font>
      <sz val="12"/>
      <name val="ｺﾞｼｯｸ"/>
      <family val="3"/>
      <charset val="128"/>
    </font>
    <font>
      <b/>
      <sz val="12"/>
      <name val="HGｺﾞｼｯｸM"/>
      <family val="3"/>
      <charset val="128"/>
    </font>
    <font>
      <b/>
      <sz val="1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49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uble">
        <color indexed="64"/>
      </bottom>
      <diagonal/>
    </border>
    <border>
      <left/>
      <right/>
      <top style="dotted">
        <color indexed="64"/>
      </top>
      <bottom/>
      <diagonal/>
    </border>
    <border>
      <left/>
      <right/>
      <top/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double">
        <color indexed="64"/>
      </bottom>
      <diagonal/>
    </border>
    <border>
      <left/>
      <right style="thin">
        <color indexed="64"/>
      </right>
      <top style="dotted">
        <color indexed="64"/>
      </top>
      <bottom style="double">
        <color indexed="64"/>
      </bottom>
      <diagonal/>
    </border>
  </borders>
  <cellStyleXfs count="9">
    <xf numFmtId="0" fontId="0" fillId="0" borderId="0"/>
    <xf numFmtId="38" fontId="1" fillId="0" borderId="0" applyFont="0" applyFill="0" applyBorder="0" applyAlignment="0" applyProtection="0"/>
    <xf numFmtId="38" fontId="7" fillId="0" borderId="0" applyFont="0" applyFill="0" applyBorder="0" applyAlignment="0" applyProtection="0"/>
    <xf numFmtId="0" fontId="5" fillId="0" borderId="0"/>
    <xf numFmtId="0" fontId="7" fillId="0" borderId="0"/>
    <xf numFmtId="0" fontId="4" fillId="0" borderId="0"/>
    <xf numFmtId="0" fontId="38" fillId="0" borderId="0">
      <alignment vertical="center"/>
    </xf>
    <xf numFmtId="0" fontId="7" fillId="0" borderId="0"/>
    <xf numFmtId="0" fontId="1" fillId="0" borderId="0"/>
  </cellStyleXfs>
  <cellXfs count="1061">
    <xf numFmtId="0" fontId="0" fillId="0" borderId="0" xfId="0"/>
    <xf numFmtId="177" fontId="4" fillId="0" borderId="0" xfId="0" applyNumberFormat="1" applyFont="1" applyFill="1" applyBorder="1"/>
    <xf numFmtId="177" fontId="4" fillId="0" borderId="1" xfId="0" applyNumberFormat="1" applyFont="1" applyFill="1" applyBorder="1"/>
    <xf numFmtId="177" fontId="4" fillId="0" borderId="5" xfId="0" applyNumberFormat="1" applyFont="1" applyFill="1" applyBorder="1"/>
    <xf numFmtId="0" fontId="4" fillId="0" borderId="0" xfId="0" applyFont="1" applyFill="1"/>
    <xf numFmtId="0" fontId="3" fillId="0" borderId="0" xfId="0" applyFont="1" applyFill="1"/>
    <xf numFmtId="0" fontId="4" fillId="0" borderId="0" xfId="0" applyFont="1" applyFill="1" applyBorder="1"/>
    <xf numFmtId="0" fontId="4" fillId="0" borderId="0" xfId="0" applyFont="1" applyFill="1" applyBorder="1" applyAlignment="1">
      <alignment horizontal="right" vertical="center"/>
    </xf>
    <xf numFmtId="176" fontId="4" fillId="0" borderId="1" xfId="0" applyNumberFormat="1" applyFont="1" applyFill="1" applyBorder="1"/>
    <xf numFmtId="176" fontId="4" fillId="0" borderId="0" xfId="0" applyNumberFormat="1" applyFont="1" applyFill="1" applyBorder="1"/>
    <xf numFmtId="176" fontId="4" fillId="0" borderId="0" xfId="0" applyNumberFormat="1" applyFont="1" applyFill="1"/>
    <xf numFmtId="0" fontId="4" fillId="0" borderId="3" xfId="0" applyFont="1" applyFill="1" applyBorder="1" applyAlignment="1">
      <alignment horizontal="right"/>
    </xf>
    <xf numFmtId="177" fontId="4" fillId="0" borderId="0" xfId="0" applyNumberFormat="1" applyFont="1" applyFill="1"/>
    <xf numFmtId="0" fontId="4" fillId="0" borderId="0" xfId="0" applyFont="1" applyFill="1" applyBorder="1" applyAlignment="1">
      <alignment vertical="top" textRotation="255"/>
    </xf>
    <xf numFmtId="0" fontId="4" fillId="0" borderId="15" xfId="0" applyFont="1" applyFill="1" applyBorder="1"/>
    <xf numFmtId="176" fontId="4" fillId="0" borderId="0" xfId="1" applyNumberFormat="1" applyFont="1" applyFill="1" applyBorder="1"/>
    <xf numFmtId="0" fontId="4" fillId="0" borderId="0" xfId="0" applyFont="1" applyFill="1" applyAlignment="1">
      <alignment horizontal="center"/>
    </xf>
    <xf numFmtId="0" fontId="4" fillId="0" borderId="15" xfId="0" applyFont="1" applyFill="1" applyBorder="1" applyAlignment="1">
      <alignment horizontal="center" vertical="center" textRotation="255"/>
    </xf>
    <xf numFmtId="0" fontId="4" fillId="0" borderId="15" xfId="0" applyFont="1" applyFill="1" applyBorder="1" applyAlignment="1">
      <alignment vertical="top" textRotation="255"/>
    </xf>
    <xf numFmtId="177" fontId="4" fillId="0" borderId="15" xfId="0" applyNumberFormat="1" applyFont="1" applyFill="1" applyBorder="1"/>
    <xf numFmtId="0" fontId="4" fillId="0" borderId="0" xfId="0" applyFont="1" applyFill="1" applyBorder="1" applyAlignment="1">
      <alignment wrapText="1"/>
    </xf>
    <xf numFmtId="177" fontId="4" fillId="0" borderId="1" xfId="0" applyNumberFormat="1" applyFont="1" applyFill="1" applyBorder="1" applyAlignment="1">
      <alignment horizontal="right"/>
    </xf>
    <xf numFmtId="0" fontId="8" fillId="0" borderId="14" xfId="0" applyFont="1" applyFill="1" applyBorder="1" applyAlignment="1">
      <alignment horizontal="right"/>
    </xf>
    <xf numFmtId="0" fontId="8" fillId="0" borderId="1" xfId="0" applyFont="1" applyFill="1" applyBorder="1" applyAlignment="1">
      <alignment horizontal="right"/>
    </xf>
    <xf numFmtId="0" fontId="8" fillId="0" borderId="0" xfId="0" applyFont="1" applyFill="1" applyBorder="1" applyAlignment="1">
      <alignment horizontal="right"/>
    </xf>
    <xf numFmtId="0" fontId="8" fillId="0" borderId="2" xfId="0" applyFont="1" applyFill="1" applyBorder="1" applyAlignment="1">
      <alignment horizontal="right"/>
    </xf>
    <xf numFmtId="0" fontId="8" fillId="0" borderId="3" xfId="0" applyFont="1" applyFill="1" applyBorder="1" applyAlignment="1">
      <alignment horizontal="right"/>
    </xf>
    <xf numFmtId="0" fontId="8" fillId="0" borderId="0" xfId="0" applyFont="1" applyFill="1" applyBorder="1"/>
    <xf numFmtId="0" fontId="8" fillId="0" borderId="0" xfId="0" applyFont="1" applyFill="1" applyAlignment="1">
      <alignment wrapText="1"/>
    </xf>
    <xf numFmtId="0" fontId="8" fillId="0" borderId="0" xfId="0" applyFont="1" applyFill="1" applyAlignment="1"/>
    <xf numFmtId="0" fontId="8" fillId="0" borderId="0" xfId="5" applyFont="1" applyFill="1" applyAlignment="1">
      <alignment vertical="center"/>
    </xf>
    <xf numFmtId="0" fontId="8" fillId="0" borderId="0" xfId="0" applyFont="1" applyFill="1" applyBorder="1" applyAlignment="1">
      <alignment vertical="center"/>
    </xf>
    <xf numFmtId="0" fontId="8" fillId="0" borderId="0" xfId="0" applyFont="1" applyFill="1" applyAlignment="1">
      <alignment vertical="center"/>
    </xf>
    <xf numFmtId="0" fontId="10" fillId="0" borderId="0" xfId="0" applyFont="1" applyFill="1"/>
    <xf numFmtId="0" fontId="8" fillId="0" borderId="18" xfId="0" applyFont="1" applyFill="1" applyBorder="1" applyAlignment="1">
      <alignment horizontal="right"/>
    </xf>
    <xf numFmtId="0" fontId="11" fillId="0" borderId="0" xfId="0" applyFont="1" applyFill="1" applyBorder="1"/>
    <xf numFmtId="0" fontId="11" fillId="0" borderId="0" xfId="0" applyFont="1" applyFill="1" applyBorder="1" applyAlignment="1"/>
    <xf numFmtId="0" fontId="11" fillId="0" borderId="2" xfId="0" applyFont="1" applyFill="1" applyBorder="1"/>
    <xf numFmtId="0" fontId="11" fillId="0" borderId="15" xfId="0" applyFont="1" applyFill="1" applyBorder="1"/>
    <xf numFmtId="0" fontId="4" fillId="0" borderId="18" xfId="0" applyFont="1" applyFill="1" applyBorder="1" applyAlignment="1">
      <alignment vertical="top" textRotation="255"/>
    </xf>
    <xf numFmtId="0" fontId="12" fillId="0" borderId="0" xfId="0" applyFont="1" applyFill="1"/>
    <xf numFmtId="0" fontId="8" fillId="0" borderId="15" xfId="0" applyFont="1" applyFill="1" applyBorder="1" applyAlignment="1">
      <alignment horizontal="center" vertical="center"/>
    </xf>
    <xf numFmtId="0" fontId="8" fillId="0" borderId="9" xfId="0" applyFont="1" applyFill="1" applyBorder="1" applyAlignment="1">
      <alignment horizontal="center" vertical="center"/>
    </xf>
    <xf numFmtId="0" fontId="8" fillId="0" borderId="21" xfId="0" applyFont="1" applyFill="1" applyBorder="1" applyAlignment="1">
      <alignment horizontal="center" vertical="center"/>
    </xf>
    <xf numFmtId="0" fontId="4" fillId="0" borderId="22" xfId="0" applyFont="1" applyFill="1" applyBorder="1" applyAlignment="1">
      <alignment horizontal="right" vertical="center"/>
    </xf>
    <xf numFmtId="0" fontId="4" fillId="0" borderId="4" xfId="0" applyFont="1" applyFill="1" applyBorder="1" applyAlignment="1">
      <alignment horizontal="center" vertical="center" textRotation="255"/>
    </xf>
    <xf numFmtId="0" fontId="11" fillId="0" borderId="10" xfId="0" applyFont="1" applyFill="1" applyBorder="1" applyAlignment="1"/>
    <xf numFmtId="0" fontId="10" fillId="0" borderId="0" xfId="0" applyFont="1" applyFill="1" applyAlignment="1">
      <alignment horizontal="center" vertical="center"/>
    </xf>
    <xf numFmtId="0" fontId="10" fillId="0" borderId="0" xfId="0" applyFont="1" applyFill="1" applyAlignment="1">
      <alignment horizontal="left" vertical="center" indent="1"/>
    </xf>
    <xf numFmtId="0" fontId="10" fillId="0" borderId="0" xfId="0" applyFont="1" applyFill="1" applyBorder="1" applyAlignment="1">
      <alignment horizontal="center"/>
    </xf>
    <xf numFmtId="0" fontId="4" fillId="0" borderId="0" xfId="0" applyFont="1" applyFill="1" applyBorder="1" applyAlignment="1">
      <alignment horizontal="center" vertical="center" textRotation="255"/>
    </xf>
    <xf numFmtId="0" fontId="8" fillId="0" borderId="14" xfId="0" applyFont="1" applyFill="1" applyBorder="1" applyAlignment="1">
      <alignment horizontal="center" vertical="center"/>
    </xf>
    <xf numFmtId="0" fontId="8" fillId="0" borderId="8" xfId="0" applyFont="1" applyFill="1" applyBorder="1" applyAlignment="1">
      <alignment horizontal="center" vertical="center"/>
    </xf>
    <xf numFmtId="0" fontId="8" fillId="0" borderId="0" xfId="5" applyFont="1" applyFill="1" applyBorder="1" applyAlignment="1">
      <alignment horizontal="center" vertical="center"/>
    </xf>
    <xf numFmtId="0" fontId="8" fillId="0" borderId="4" xfId="5" applyFont="1" applyFill="1" applyBorder="1" applyAlignment="1">
      <alignment horizontal="center" vertical="center"/>
    </xf>
    <xf numFmtId="0" fontId="8" fillId="0" borderId="3" xfId="5" applyFont="1" applyFill="1" applyBorder="1" applyAlignment="1">
      <alignment horizontal="right" vertical="center"/>
    </xf>
    <xf numFmtId="0" fontId="8" fillId="0" borderId="2" xfId="5" applyFont="1" applyFill="1" applyBorder="1" applyAlignment="1">
      <alignment horizontal="right" vertical="center"/>
    </xf>
    <xf numFmtId="0" fontId="8" fillId="0" borderId="4" xfId="5" applyFont="1" applyFill="1" applyBorder="1" applyAlignment="1">
      <alignment horizontal="right" vertical="center"/>
    </xf>
    <xf numFmtId="0" fontId="8" fillId="0" borderId="0" xfId="5" applyFont="1" applyFill="1" applyBorder="1" applyAlignment="1">
      <alignment vertical="center"/>
    </xf>
    <xf numFmtId="0" fontId="4" fillId="0" borderId="0" xfId="5" applyFont="1" applyFill="1"/>
    <xf numFmtId="0" fontId="3" fillId="0" borderId="12" xfId="4" applyFont="1" applyFill="1" applyBorder="1" applyAlignment="1">
      <alignment horizontal="centerContinuous"/>
    </xf>
    <xf numFmtId="0" fontId="8" fillId="0" borderId="21" xfId="4" applyFont="1" applyFill="1" applyBorder="1" applyAlignment="1">
      <alignment horizontal="center" vertical="center"/>
    </xf>
    <xf numFmtId="0" fontId="8" fillId="0" borderId="24" xfId="4" applyFont="1" applyFill="1" applyBorder="1" applyAlignment="1">
      <alignment horizontal="center" vertical="center" wrapText="1"/>
    </xf>
    <xf numFmtId="0" fontId="8" fillId="0" borderId="9" xfId="4" applyFont="1" applyFill="1" applyBorder="1" applyAlignment="1">
      <alignment horizontal="center" vertical="center"/>
    </xf>
    <xf numFmtId="0" fontId="4" fillId="0" borderId="0" xfId="4" applyFont="1" applyFill="1" applyBorder="1" applyAlignment="1">
      <alignment horizontal="center" vertical="center"/>
    </xf>
    <xf numFmtId="177" fontId="4" fillId="0" borderId="1" xfId="4" applyNumberFormat="1" applyFont="1" applyFill="1" applyBorder="1"/>
    <xf numFmtId="181" fontId="4" fillId="0" borderId="1" xfId="4" quotePrefix="1" applyNumberFormat="1" applyFont="1" applyFill="1" applyBorder="1" applyAlignment="1">
      <alignment horizontal="right"/>
    </xf>
    <xf numFmtId="181" fontId="4" fillId="0" borderId="0" xfId="4" quotePrefix="1" applyNumberFormat="1" applyFont="1" applyFill="1" applyBorder="1" applyAlignment="1">
      <alignment horizontal="right"/>
    </xf>
    <xf numFmtId="177" fontId="4" fillId="0" borderId="0" xfId="4" applyNumberFormat="1" applyFont="1" applyFill="1" applyBorder="1"/>
    <xf numFmtId="181" fontId="4" fillId="0" borderId="1" xfId="4" applyNumberFormat="1" applyFont="1" applyFill="1" applyBorder="1"/>
    <xf numFmtId="181" fontId="4" fillId="0" borderId="0" xfId="4" applyNumberFormat="1" applyFont="1" applyFill="1" applyBorder="1"/>
    <xf numFmtId="177" fontId="4" fillId="0" borderId="3" xfId="4" applyNumberFormat="1" applyFont="1" applyFill="1" applyBorder="1"/>
    <xf numFmtId="0" fontId="4" fillId="0" borderId="12" xfId="4" applyFont="1" applyFill="1" applyBorder="1" applyAlignment="1">
      <alignment horizontal="center"/>
    </xf>
    <xf numFmtId="181" fontId="4" fillId="0" borderId="16" xfId="4" applyNumberFormat="1" applyFont="1" applyFill="1" applyBorder="1" applyAlignment="1">
      <alignment horizontal="right"/>
    </xf>
    <xf numFmtId="177" fontId="4" fillId="0" borderId="16" xfId="4" applyNumberFormat="1" applyFont="1" applyFill="1" applyBorder="1"/>
    <xf numFmtId="177" fontId="4" fillId="0" borderId="11" xfId="4" applyNumberFormat="1" applyFont="1" applyFill="1" applyBorder="1"/>
    <xf numFmtId="177" fontId="4" fillId="0" borderId="12" xfId="4" applyNumberFormat="1" applyFont="1" applyFill="1" applyBorder="1"/>
    <xf numFmtId="179" fontId="4" fillId="0" borderId="16" xfId="4" applyNumberFormat="1" applyFont="1" applyFill="1" applyBorder="1"/>
    <xf numFmtId="0" fontId="4" fillId="0" borderId="0" xfId="4" applyFont="1" applyFill="1"/>
    <xf numFmtId="0" fontId="3" fillId="0" borderId="0" xfId="4" applyFont="1" applyFill="1"/>
    <xf numFmtId="0" fontId="4" fillId="0" borderId="0" xfId="4" applyFont="1" applyFill="1" applyBorder="1" applyAlignment="1">
      <alignment horizontal="center"/>
    </xf>
    <xf numFmtId="181" fontId="4" fillId="0" borderId="0" xfId="4" applyNumberFormat="1" applyFont="1" applyFill="1" applyBorder="1" applyAlignment="1">
      <alignment horizontal="right"/>
    </xf>
    <xf numFmtId="179" fontId="4" fillId="0" borderId="0" xfId="4" applyNumberFormat="1" applyFont="1" applyFill="1" applyBorder="1"/>
    <xf numFmtId="181" fontId="3" fillId="0" borderId="0" xfId="4" applyNumberFormat="1" applyFont="1" applyFill="1"/>
    <xf numFmtId="0" fontId="3" fillId="0" borderId="0" xfId="4" applyFont="1" applyFill="1" applyAlignment="1">
      <alignment horizontal="centerContinuous"/>
    </xf>
    <xf numFmtId="0" fontId="4" fillId="0" borderId="22" xfId="4" applyFont="1" applyFill="1" applyBorder="1" applyAlignment="1">
      <alignment horizontal="center" vertical="center"/>
    </xf>
    <xf numFmtId="0" fontId="4" fillId="0" borderId="0" xfId="4" applyFont="1" applyFill="1" applyBorder="1" applyAlignment="1">
      <alignment horizontal="right"/>
    </xf>
    <xf numFmtId="183" fontId="4" fillId="0" borderId="1" xfId="4" applyNumberFormat="1" applyFont="1" applyFill="1" applyBorder="1"/>
    <xf numFmtId="183" fontId="4" fillId="0" borderId="0" xfId="4" applyNumberFormat="1" applyFont="1" applyFill="1" applyBorder="1"/>
    <xf numFmtId="0" fontId="4" fillId="0" borderId="13" xfId="4" applyFont="1" applyFill="1" applyBorder="1" applyAlignment="1">
      <alignment horizontal="center"/>
    </xf>
    <xf numFmtId="181" fontId="4" fillId="0" borderId="11" xfId="4" applyNumberFormat="1" applyFont="1" applyFill="1" applyBorder="1" applyAlignment="1">
      <alignment horizontal="right"/>
    </xf>
    <xf numFmtId="0" fontId="4" fillId="0" borderId="15" xfId="4" applyFont="1" applyFill="1" applyBorder="1"/>
    <xf numFmtId="0" fontId="4" fillId="0" borderId="0" xfId="4" applyFont="1" applyFill="1" applyBorder="1" applyAlignment="1">
      <alignment horizontal="left"/>
    </xf>
    <xf numFmtId="0" fontId="4" fillId="0" borderId="12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distributed"/>
    </xf>
    <xf numFmtId="181" fontId="4" fillId="0" borderId="0" xfId="0" applyNumberFormat="1" applyFont="1" applyFill="1" applyBorder="1" applyAlignment="1">
      <alignment horizontal="right"/>
    </xf>
    <xf numFmtId="177" fontId="4" fillId="0" borderId="0" xfId="0" applyNumberFormat="1" applyFont="1" applyFill="1" applyBorder="1" applyAlignment="1">
      <alignment horizontal="right"/>
    </xf>
    <xf numFmtId="0" fontId="4" fillId="0" borderId="2" xfId="0" applyFont="1" applyFill="1" applyBorder="1" applyAlignment="1">
      <alignment horizontal="center"/>
    </xf>
    <xf numFmtId="38" fontId="4" fillId="0" borderId="26" xfId="2" applyFont="1" applyFill="1" applyBorder="1"/>
    <xf numFmtId="0" fontId="4" fillId="0" borderId="27" xfId="4" applyFont="1" applyFill="1" applyBorder="1"/>
    <xf numFmtId="0" fontId="4" fillId="0" borderId="26" xfId="4" applyFont="1" applyFill="1" applyBorder="1"/>
    <xf numFmtId="0" fontId="4" fillId="0" borderId="34" xfId="4" applyFont="1" applyFill="1" applyBorder="1"/>
    <xf numFmtId="38" fontId="15" fillId="0" borderId="0" xfId="4" applyNumberFormat="1" applyFont="1" applyFill="1" applyBorder="1"/>
    <xf numFmtId="38" fontId="4" fillId="0" borderId="0" xfId="4" applyNumberFormat="1" applyFont="1" applyFill="1" applyBorder="1"/>
    <xf numFmtId="0" fontId="4" fillId="0" borderId="1" xfId="4" applyFont="1" applyFill="1" applyBorder="1" applyAlignment="1">
      <alignment horizontal="right"/>
    </xf>
    <xf numFmtId="0" fontId="4" fillId="0" borderId="5" xfId="4" applyFont="1" applyFill="1" applyBorder="1" applyAlignment="1">
      <alignment horizontal="right"/>
    </xf>
    <xf numFmtId="38" fontId="14" fillId="0" borderId="1" xfId="2" applyFont="1" applyFill="1" applyBorder="1"/>
    <xf numFmtId="38" fontId="14" fillId="0" borderId="5" xfId="2" applyFont="1" applyFill="1" applyBorder="1"/>
    <xf numFmtId="38" fontId="14" fillId="0" borderId="0" xfId="2" applyFont="1" applyFill="1" applyBorder="1"/>
    <xf numFmtId="38" fontId="4" fillId="0" borderId="1" xfId="2" applyFont="1" applyFill="1" applyBorder="1"/>
    <xf numFmtId="38" fontId="4" fillId="0" borderId="29" xfId="2" applyFont="1" applyFill="1" applyBorder="1"/>
    <xf numFmtId="38" fontId="4" fillId="0" borderId="11" xfId="2" applyFont="1" applyFill="1" applyBorder="1"/>
    <xf numFmtId="0" fontId="15" fillId="0" borderId="0" xfId="4" applyFont="1" applyFill="1" applyAlignment="1">
      <alignment horizontal="center"/>
    </xf>
    <xf numFmtId="0" fontId="15" fillId="0" borderId="0" xfId="4" applyFont="1" applyFill="1"/>
    <xf numFmtId="0" fontId="4" fillId="0" borderId="0" xfId="4" applyFont="1" applyFill="1" applyAlignment="1">
      <alignment horizontal="center"/>
    </xf>
    <xf numFmtId="0" fontId="4" fillId="0" borderId="0" xfId="4" applyFont="1" applyFill="1" applyBorder="1"/>
    <xf numFmtId="0" fontId="3" fillId="0" borderId="15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distributed" vertical="center" shrinkToFit="1"/>
    </xf>
    <xf numFmtId="177" fontId="3" fillId="0" borderId="1" xfId="0" applyNumberFormat="1" applyFont="1" applyFill="1" applyBorder="1" applyAlignment="1">
      <alignment horizontal="center" vertical="center"/>
    </xf>
    <xf numFmtId="0" fontId="3" fillId="0" borderId="13" xfId="0" applyFont="1" applyFill="1" applyBorder="1" applyAlignment="1">
      <alignment horizontal="center" vertical="center"/>
    </xf>
    <xf numFmtId="0" fontId="3" fillId="0" borderId="15" xfId="0" applyFont="1" applyFill="1" applyBorder="1" applyAlignment="1">
      <alignment horizontal="center" vertical="center" shrinkToFit="1"/>
    </xf>
    <xf numFmtId="177" fontId="3" fillId="0" borderId="15" xfId="0" applyNumberFormat="1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distributed" vertical="center"/>
    </xf>
    <xf numFmtId="0" fontId="3" fillId="0" borderId="0" xfId="0" applyFont="1" applyFill="1" applyBorder="1" applyAlignment="1">
      <alignment horizontal="distributed" vertical="center" shrinkToFit="1"/>
    </xf>
    <xf numFmtId="0" fontId="3" fillId="0" borderId="16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vertical="center"/>
    </xf>
    <xf numFmtId="0" fontId="4" fillId="0" borderId="0" xfId="0" applyFont="1" applyFill="1" applyBorder="1" applyAlignment="1">
      <alignment vertical="center" wrapText="1"/>
    </xf>
    <xf numFmtId="0" fontId="28" fillId="0" borderId="0" xfId="4" applyFont="1" applyFill="1" applyBorder="1" applyAlignment="1">
      <alignment vertical="center"/>
    </xf>
    <xf numFmtId="0" fontId="8" fillId="0" borderId="0" xfId="4" applyFont="1" applyFill="1"/>
    <xf numFmtId="0" fontId="28" fillId="0" borderId="15" xfId="4" applyFont="1" applyFill="1" applyBorder="1" applyAlignment="1">
      <alignment horizontal="center" vertical="center"/>
    </xf>
    <xf numFmtId="0" fontId="28" fillId="0" borderId="18" xfId="4" applyFont="1" applyFill="1" applyBorder="1" applyAlignment="1">
      <alignment horizontal="center" vertical="center"/>
    </xf>
    <xf numFmtId="0" fontId="28" fillId="0" borderId="0" xfId="4" applyFont="1" applyFill="1" applyBorder="1" applyAlignment="1">
      <alignment horizontal="center" vertical="center"/>
    </xf>
    <xf numFmtId="0" fontId="14" fillId="0" borderId="0" xfId="4" applyFont="1" applyFill="1" applyBorder="1" applyAlignment="1">
      <alignment horizontal="center" vertical="center"/>
    </xf>
    <xf numFmtId="0" fontId="9" fillId="0" borderId="0" xfId="4" applyFont="1" applyFill="1" applyBorder="1" applyAlignment="1">
      <alignment horizontal="right" vertical="center"/>
    </xf>
    <xf numFmtId="3" fontId="14" fillId="0" borderId="6" xfId="2" applyNumberFormat="1" applyFont="1" applyFill="1" applyBorder="1" applyAlignment="1">
      <alignment horizontal="right" vertical="center"/>
    </xf>
    <xf numFmtId="3" fontId="14" fillId="0" borderId="1" xfId="2" applyNumberFormat="1" applyFont="1" applyFill="1" applyBorder="1" applyAlignment="1">
      <alignment horizontal="right" vertical="center"/>
    </xf>
    <xf numFmtId="180" fontId="14" fillId="0" borderId="0" xfId="4" applyNumberFormat="1" applyFont="1" applyFill="1" applyBorder="1" applyAlignment="1">
      <alignment horizontal="right" vertical="center"/>
    </xf>
    <xf numFmtId="3" fontId="4" fillId="0" borderId="6" xfId="2" applyNumberFormat="1" applyFont="1" applyFill="1" applyBorder="1" applyAlignment="1">
      <alignment horizontal="right" vertical="center"/>
    </xf>
    <xf numFmtId="3" fontId="4" fillId="0" borderId="1" xfId="2" applyNumberFormat="1" applyFont="1" applyFill="1" applyBorder="1" applyAlignment="1">
      <alignment horizontal="right" vertical="center"/>
    </xf>
    <xf numFmtId="178" fontId="4" fillId="0" borderId="6" xfId="4" applyNumberFormat="1" applyFont="1" applyFill="1" applyBorder="1" applyAlignment="1">
      <alignment horizontal="right" vertical="center"/>
    </xf>
    <xf numFmtId="178" fontId="4" fillId="0" borderId="1" xfId="4" applyNumberFormat="1" applyFont="1" applyFill="1" applyBorder="1" applyAlignment="1">
      <alignment horizontal="right" vertical="center"/>
    </xf>
    <xf numFmtId="178" fontId="4" fillId="0" borderId="42" xfId="4" applyNumberFormat="1" applyFont="1" applyFill="1" applyBorder="1" applyAlignment="1">
      <alignment horizontal="right" vertical="center"/>
    </xf>
    <xf numFmtId="180" fontId="4" fillId="0" borderId="1" xfId="4" applyNumberFormat="1" applyFont="1" applyFill="1" applyBorder="1" applyAlignment="1">
      <alignment horizontal="right" vertical="center"/>
    </xf>
    <xf numFmtId="180" fontId="4" fillId="0" borderId="42" xfId="4" applyNumberFormat="1" applyFont="1" applyFill="1" applyBorder="1" applyAlignment="1">
      <alignment horizontal="right" vertical="center"/>
    </xf>
    <xf numFmtId="180" fontId="4" fillId="0" borderId="0" xfId="4" applyNumberFormat="1" applyFont="1" applyFill="1" applyBorder="1" applyAlignment="1">
      <alignment horizontal="right" vertical="center"/>
    </xf>
    <xf numFmtId="180" fontId="4" fillId="0" borderId="5" xfId="4" applyNumberFormat="1" applyFont="1" applyFill="1" applyBorder="1" applyAlignment="1">
      <alignment horizontal="right" vertical="center"/>
    </xf>
    <xf numFmtId="0" fontId="4" fillId="0" borderId="0" xfId="4" applyFont="1" applyFill="1" applyBorder="1" applyAlignment="1">
      <alignment vertical="center"/>
    </xf>
    <xf numFmtId="0" fontId="35" fillId="0" borderId="0" xfId="4" applyFont="1" applyFill="1" applyBorder="1" applyAlignment="1">
      <alignment horizontal="center" vertical="center"/>
    </xf>
    <xf numFmtId="2" fontId="4" fillId="0" borderId="0" xfId="4" applyNumberFormat="1" applyFont="1" applyFill="1" applyBorder="1" applyAlignment="1">
      <alignment horizontal="right" vertical="center"/>
    </xf>
    <xf numFmtId="0" fontId="7" fillId="0" borderId="0" xfId="4" applyFill="1"/>
    <xf numFmtId="180" fontId="14" fillId="0" borderId="0" xfId="4" applyNumberFormat="1" applyFont="1" applyFill="1" applyBorder="1" applyAlignment="1"/>
    <xf numFmtId="0" fontId="37" fillId="0" borderId="12" xfId="4" applyFont="1" applyFill="1" applyBorder="1" applyAlignment="1">
      <alignment vertical="center"/>
    </xf>
    <xf numFmtId="3" fontId="4" fillId="0" borderId="11" xfId="2" applyNumberFormat="1" applyFont="1" applyFill="1" applyBorder="1" applyAlignment="1">
      <alignment horizontal="right" vertical="center"/>
    </xf>
    <xf numFmtId="3" fontId="4" fillId="0" borderId="43" xfId="2" applyNumberFormat="1" applyFont="1" applyFill="1" applyBorder="1" applyAlignment="1">
      <alignment horizontal="right" vertical="center"/>
    </xf>
    <xf numFmtId="3" fontId="4" fillId="0" borderId="13" xfId="2" applyNumberFormat="1" applyFont="1" applyFill="1" applyBorder="1" applyAlignment="1">
      <alignment horizontal="right" vertical="center"/>
    </xf>
    <xf numFmtId="180" fontId="4" fillId="0" borderId="13" xfId="4" applyNumberFormat="1" applyFont="1" applyFill="1" applyBorder="1" applyAlignment="1">
      <alignment horizontal="right" vertical="center"/>
    </xf>
    <xf numFmtId="180" fontId="4" fillId="0" borderId="11" xfId="4" applyNumberFormat="1" applyFont="1" applyFill="1" applyBorder="1" applyAlignment="1">
      <alignment horizontal="right" vertical="center"/>
    </xf>
    <xf numFmtId="180" fontId="4" fillId="0" borderId="43" xfId="4" applyNumberFormat="1" applyFont="1" applyFill="1" applyBorder="1" applyAlignment="1">
      <alignment horizontal="right" vertical="center"/>
    </xf>
    <xf numFmtId="2" fontId="4" fillId="0" borderId="12" xfId="4" applyNumberFormat="1" applyFont="1" applyFill="1" applyBorder="1" applyAlignment="1">
      <alignment horizontal="right" vertical="center"/>
    </xf>
    <xf numFmtId="180" fontId="4" fillId="0" borderId="16" xfId="4" applyNumberFormat="1" applyFont="1" applyFill="1" applyBorder="1" applyAlignment="1">
      <alignment horizontal="right" vertical="center"/>
    </xf>
    <xf numFmtId="0" fontId="37" fillId="0" borderId="0" xfId="6" applyFont="1" applyFill="1" applyBorder="1" applyAlignment="1">
      <alignment vertical="center"/>
    </xf>
    <xf numFmtId="3" fontId="4" fillId="0" borderId="0" xfId="2" applyNumberFormat="1" applyFont="1" applyFill="1" applyBorder="1" applyAlignment="1">
      <alignment horizontal="right" vertical="center"/>
    </xf>
    <xf numFmtId="38" fontId="14" fillId="0" borderId="0" xfId="2" applyFont="1" applyFill="1" applyBorder="1" applyAlignment="1">
      <alignment horizontal="right" vertical="center"/>
    </xf>
    <xf numFmtId="180" fontId="4" fillId="0" borderId="0" xfId="6" applyNumberFormat="1" applyFont="1" applyFill="1" applyBorder="1" applyAlignment="1">
      <alignment horizontal="right" vertical="center"/>
    </xf>
    <xf numFmtId="2" fontId="4" fillId="0" borderId="0" xfId="6" applyNumberFormat="1" applyFont="1" applyFill="1" applyBorder="1" applyAlignment="1">
      <alignment horizontal="right" vertical="center"/>
    </xf>
    <xf numFmtId="0" fontId="38" fillId="0" borderId="0" xfId="6" applyFill="1" applyAlignment="1"/>
    <xf numFmtId="0" fontId="8" fillId="0" borderId="0" xfId="7" applyFont="1" applyFill="1" applyAlignment="1">
      <alignment vertical="center"/>
    </xf>
    <xf numFmtId="3" fontId="8" fillId="0" borderId="0" xfId="6" applyNumberFormat="1" applyFont="1" applyFill="1" applyAlignment="1"/>
    <xf numFmtId="0" fontId="8" fillId="0" borderId="0" xfId="6" applyFont="1" applyFill="1" applyAlignment="1"/>
    <xf numFmtId="0" fontId="39" fillId="0" borderId="0" xfId="6" applyFont="1" applyFill="1" applyAlignment="1"/>
    <xf numFmtId="56" fontId="28" fillId="0" borderId="0" xfId="4" applyNumberFormat="1" applyFont="1" applyFill="1" applyBorder="1" applyAlignment="1">
      <alignment vertical="center"/>
    </xf>
    <xf numFmtId="0" fontId="35" fillId="0" borderId="0" xfId="4" applyFont="1" applyFill="1" applyBorder="1" applyAlignment="1">
      <alignment vertical="center"/>
    </xf>
    <xf numFmtId="3" fontId="4" fillId="0" borderId="12" xfId="2" applyNumberFormat="1" applyFont="1" applyFill="1" applyBorder="1" applyAlignment="1">
      <alignment horizontal="right"/>
    </xf>
    <xf numFmtId="3" fontId="4" fillId="0" borderId="11" xfId="2" applyNumberFormat="1" applyFont="1" applyFill="1" applyBorder="1" applyAlignment="1">
      <alignment horizontal="right"/>
    </xf>
    <xf numFmtId="3" fontId="8" fillId="0" borderId="0" xfId="4" applyNumberFormat="1" applyFont="1" applyFill="1"/>
    <xf numFmtId="0" fontId="30" fillId="0" borderId="9" xfId="4" applyFont="1" applyFill="1" applyBorder="1" applyAlignment="1">
      <alignment horizontal="center" vertical="center"/>
    </xf>
    <xf numFmtId="0" fontId="32" fillId="0" borderId="0" xfId="4" applyFont="1" applyFill="1" applyBorder="1"/>
    <xf numFmtId="186" fontId="34" fillId="0" borderId="0" xfId="4" applyNumberFormat="1" applyFont="1" applyFill="1" applyBorder="1" applyAlignment="1">
      <alignment horizontal="center" vertical="center"/>
    </xf>
    <xf numFmtId="3" fontId="4" fillId="0" borderId="6" xfId="2" applyNumberFormat="1" applyFont="1" applyFill="1" applyBorder="1" applyAlignment="1" applyProtection="1">
      <alignment horizontal="right" vertical="center"/>
    </xf>
    <xf numFmtId="3" fontId="4" fillId="0" borderId="1" xfId="2" applyNumberFormat="1" applyFont="1" applyFill="1" applyBorder="1" applyAlignment="1" applyProtection="1">
      <alignment horizontal="right" vertical="center"/>
    </xf>
    <xf numFmtId="178" fontId="4" fillId="0" borderId="6" xfId="4" applyNumberFormat="1" applyFont="1" applyFill="1" applyBorder="1" applyAlignment="1" applyProtection="1">
      <alignment horizontal="right" vertical="center"/>
    </xf>
    <xf numFmtId="178" fontId="4" fillId="0" borderId="1" xfId="4" applyNumberFormat="1" applyFont="1" applyFill="1" applyBorder="1" applyAlignment="1" applyProtection="1">
      <alignment horizontal="right" vertical="center"/>
    </xf>
    <xf numFmtId="178" fontId="4" fillId="0" borderId="42" xfId="4" applyNumberFormat="1" applyFont="1" applyFill="1" applyBorder="1" applyAlignment="1" applyProtection="1">
      <alignment horizontal="right" vertical="center"/>
    </xf>
    <xf numFmtId="180" fontId="4" fillId="0" borderId="5" xfId="4" applyNumberFormat="1" applyFont="1" applyFill="1" applyBorder="1" applyAlignment="1" applyProtection="1">
      <alignment horizontal="right" vertical="center"/>
    </xf>
    <xf numFmtId="0" fontId="34" fillId="0" borderId="0" xfId="4" applyFont="1" applyFill="1" applyBorder="1" applyAlignment="1">
      <alignment horizontal="left" vertical="center"/>
    </xf>
    <xf numFmtId="2" fontId="4" fillId="0" borderId="0" xfId="4" applyNumberFormat="1" applyFont="1" applyFill="1" applyBorder="1" applyAlignment="1" applyProtection="1">
      <alignment horizontal="right" vertical="center"/>
    </xf>
    <xf numFmtId="0" fontId="34" fillId="0" borderId="0" xfId="4" applyFont="1" applyFill="1" applyBorder="1" applyAlignment="1"/>
    <xf numFmtId="0" fontId="34" fillId="0" borderId="0" xfId="4" applyFont="1" applyFill="1" applyBorder="1" applyAlignment="1">
      <alignment horizontal="distributed" vertical="center"/>
    </xf>
    <xf numFmtId="3" fontId="4" fillId="0" borderId="12" xfId="2" applyNumberFormat="1" applyFont="1" applyFill="1" applyBorder="1"/>
    <xf numFmtId="3" fontId="4" fillId="0" borderId="11" xfId="2" applyNumberFormat="1" applyFont="1" applyFill="1" applyBorder="1"/>
    <xf numFmtId="3" fontId="4" fillId="0" borderId="13" xfId="2" applyNumberFormat="1" applyFont="1" applyFill="1" applyBorder="1" applyAlignment="1" applyProtection="1">
      <alignment horizontal="right" vertical="center"/>
    </xf>
    <xf numFmtId="3" fontId="4" fillId="0" borderId="11" xfId="2" applyNumberFormat="1" applyFont="1" applyFill="1" applyBorder="1" applyAlignment="1" applyProtection="1">
      <alignment horizontal="right" vertical="center"/>
    </xf>
    <xf numFmtId="180" fontId="4" fillId="0" borderId="13" xfId="4" applyNumberFormat="1" applyFont="1" applyFill="1" applyBorder="1" applyAlignment="1" applyProtection="1">
      <alignment horizontal="right" vertical="center"/>
    </xf>
    <xf numFmtId="180" fontId="4" fillId="0" borderId="11" xfId="4" applyNumberFormat="1" applyFont="1" applyFill="1" applyBorder="1" applyAlignment="1" applyProtection="1">
      <alignment horizontal="right" vertical="center"/>
    </xf>
    <xf numFmtId="180" fontId="4" fillId="0" borderId="43" xfId="4" applyNumberFormat="1" applyFont="1" applyFill="1" applyBorder="1" applyAlignment="1" applyProtection="1">
      <alignment horizontal="right" vertical="center"/>
    </xf>
    <xf numFmtId="2" fontId="4" fillId="0" borderId="12" xfId="4" applyNumberFormat="1" applyFont="1" applyFill="1" applyBorder="1" applyAlignment="1" applyProtection="1">
      <alignment horizontal="right" vertical="center"/>
    </xf>
    <xf numFmtId="180" fontId="4" fillId="0" borderId="16" xfId="4" applyNumberFormat="1" applyFont="1" applyFill="1" applyBorder="1" applyAlignment="1" applyProtection="1">
      <alignment horizontal="right" vertical="center"/>
    </xf>
    <xf numFmtId="181" fontId="8" fillId="0" borderId="1" xfId="1" applyNumberFormat="1" applyFont="1" applyFill="1" applyBorder="1" applyAlignment="1">
      <alignment horizontal="right" vertical="center"/>
    </xf>
    <xf numFmtId="187" fontId="8" fillId="0" borderId="5" xfId="1" applyNumberFormat="1" applyFont="1" applyFill="1" applyBorder="1" applyAlignment="1">
      <alignment horizontal="right" vertical="center"/>
    </xf>
    <xf numFmtId="181" fontId="8" fillId="0" borderId="1" xfId="5" applyNumberFormat="1" applyFont="1" applyFill="1" applyBorder="1" applyAlignment="1">
      <alignment horizontal="right" vertical="center"/>
    </xf>
    <xf numFmtId="0" fontId="8" fillId="0" borderId="0" xfId="5" applyFont="1" applyFill="1" applyAlignment="1">
      <alignment vertical="center" wrapText="1"/>
    </xf>
    <xf numFmtId="181" fontId="8" fillId="0" borderId="0" xfId="5" applyNumberFormat="1" applyFont="1" applyFill="1" applyBorder="1" applyAlignment="1">
      <alignment vertical="center"/>
    </xf>
    <xf numFmtId="0" fontId="8" fillId="0" borderId="0" xfId="5" applyFont="1" applyFill="1"/>
    <xf numFmtId="0" fontId="9" fillId="0" borderId="0" xfId="5" applyFont="1" applyFill="1" applyAlignment="1">
      <alignment horizontal="left"/>
    </xf>
    <xf numFmtId="181" fontId="8" fillId="0" borderId="0" xfId="5" applyNumberFormat="1" applyFont="1" applyFill="1"/>
    <xf numFmtId="0" fontId="4" fillId="0" borderId="0" xfId="5" applyFill="1"/>
    <xf numFmtId="181" fontId="4" fillId="0" borderId="0" xfId="5" applyNumberFormat="1" applyFill="1"/>
    <xf numFmtId="0" fontId="42" fillId="0" borderId="0" xfId="4" applyFont="1" applyFill="1"/>
    <xf numFmtId="0" fontId="42" fillId="0" borderId="0" xfId="4" applyFont="1" applyFill="1" applyBorder="1"/>
    <xf numFmtId="0" fontId="43" fillId="0" borderId="0" xfId="4" applyFont="1" applyFill="1"/>
    <xf numFmtId="0" fontId="44" fillId="0" borderId="0" xfId="4" applyFont="1" applyFill="1"/>
    <xf numFmtId="0" fontId="8" fillId="0" borderId="14" xfId="4" applyFont="1" applyFill="1" applyBorder="1" applyAlignment="1">
      <alignment vertical="center"/>
    </xf>
    <xf numFmtId="0" fontId="8" fillId="0" borderId="15" xfId="4" applyFont="1" applyFill="1" applyBorder="1" applyAlignment="1">
      <alignment vertical="center"/>
    </xf>
    <xf numFmtId="0" fontId="42" fillId="0" borderId="0" xfId="4" applyFont="1" applyFill="1" applyAlignment="1">
      <alignment vertical="center"/>
    </xf>
    <xf numFmtId="0" fontId="45" fillId="0" borderId="0" xfId="4" applyFont="1" applyFill="1" applyAlignment="1">
      <alignment vertical="center"/>
    </xf>
    <xf numFmtId="0" fontId="8" fillId="0" borderId="4" xfId="4" applyFont="1" applyFill="1" applyBorder="1" applyAlignment="1">
      <alignment vertical="center"/>
    </xf>
    <xf numFmtId="0" fontId="8" fillId="0" borderId="2" xfId="4" applyFont="1" applyFill="1" applyBorder="1" applyAlignment="1">
      <alignment vertical="center"/>
    </xf>
    <xf numFmtId="0" fontId="8" fillId="0" borderId="7" xfId="4" applyFont="1" applyFill="1" applyBorder="1" applyAlignment="1">
      <alignment vertical="center"/>
    </xf>
    <xf numFmtId="0" fontId="8" fillId="0" borderId="5" xfId="4" applyFont="1" applyFill="1" applyBorder="1" applyAlignment="1">
      <alignment horizontal="center" vertical="center"/>
    </xf>
    <xf numFmtId="0" fontId="8" fillId="0" borderId="3" xfId="4" applyFont="1" applyFill="1" applyBorder="1" applyAlignment="1">
      <alignment horizontal="center" vertical="center"/>
    </xf>
    <xf numFmtId="0" fontId="8" fillId="0" borderId="6" xfId="4" applyFont="1" applyFill="1" applyBorder="1" applyAlignment="1">
      <alignment horizontal="center" vertical="center"/>
    </xf>
    <xf numFmtId="0" fontId="8" fillId="0" borderId="4" xfId="4" applyFont="1" applyFill="1" applyBorder="1" applyAlignment="1">
      <alignment horizontal="center" vertical="center"/>
    </xf>
    <xf numFmtId="0" fontId="28" fillId="0" borderId="1" xfId="4" applyFont="1" applyFill="1" applyBorder="1" applyAlignment="1">
      <alignment horizontal="center" vertical="center"/>
    </xf>
    <xf numFmtId="0" fontId="8" fillId="0" borderId="1" xfId="4" applyFont="1" applyFill="1" applyBorder="1" applyAlignment="1">
      <alignment horizontal="center" vertical="center"/>
    </xf>
    <xf numFmtId="0" fontId="4" fillId="0" borderId="7" xfId="4" applyFont="1" applyFill="1" applyBorder="1"/>
    <xf numFmtId="0" fontId="8" fillId="0" borderId="2" xfId="4" applyFont="1" applyFill="1" applyBorder="1" applyAlignment="1">
      <alignment horizontal="right"/>
    </xf>
    <xf numFmtId="0" fontId="28" fillId="0" borderId="3" xfId="4" applyFont="1" applyFill="1" applyBorder="1"/>
    <xf numFmtId="0" fontId="8" fillId="0" borderId="3" xfId="4" applyFont="1" applyFill="1" applyBorder="1"/>
    <xf numFmtId="0" fontId="8" fillId="0" borderId="4" xfId="4" applyFont="1" applyFill="1" applyBorder="1" applyAlignment="1">
      <alignment horizontal="right"/>
    </xf>
    <xf numFmtId="0" fontId="8" fillId="0" borderId="3" xfId="4" applyFont="1" applyFill="1" applyBorder="1" applyAlignment="1">
      <alignment horizontal="right"/>
    </xf>
    <xf numFmtId="0" fontId="8" fillId="0" borderId="7" xfId="4" applyFont="1" applyFill="1" applyBorder="1" applyAlignment="1">
      <alignment horizontal="right"/>
    </xf>
    <xf numFmtId="0" fontId="4" fillId="0" borderId="6" xfId="4" applyFont="1" applyFill="1" applyBorder="1" applyAlignment="1">
      <alignment horizontal="center"/>
    </xf>
    <xf numFmtId="0" fontId="28" fillId="0" borderId="1" xfId="4" applyFont="1" applyFill="1" applyBorder="1" applyAlignment="1">
      <alignment horizontal="center"/>
    </xf>
    <xf numFmtId="0" fontId="14" fillId="0" borderId="1" xfId="4" applyFont="1" applyFill="1" applyBorder="1" applyAlignment="1">
      <alignment horizontal="center"/>
    </xf>
    <xf numFmtId="0" fontId="14" fillId="0" borderId="6" xfId="4" applyFont="1" applyFill="1" applyBorder="1" applyAlignment="1">
      <alignment horizontal="center"/>
    </xf>
    <xf numFmtId="38" fontId="47" fillId="0" borderId="27" xfId="2" applyFont="1" applyFill="1" applyBorder="1" applyAlignment="1">
      <alignment horizontal="right" vertical="center"/>
    </xf>
    <xf numFmtId="0" fontId="28" fillId="0" borderId="26" xfId="4" applyFont="1" applyFill="1" applyBorder="1" applyAlignment="1">
      <alignment vertical="center"/>
    </xf>
    <xf numFmtId="0" fontId="4" fillId="0" borderId="1" xfId="4" applyFont="1" applyFill="1" applyBorder="1"/>
    <xf numFmtId="3" fontId="47" fillId="0" borderId="44" xfId="2" applyNumberFormat="1" applyFont="1" applyFill="1" applyBorder="1" applyAlignment="1">
      <alignment vertical="center"/>
    </xf>
    <xf numFmtId="3" fontId="47" fillId="0" borderId="26" xfId="2" applyNumberFormat="1" applyFont="1" applyFill="1" applyBorder="1" applyAlignment="1">
      <alignment vertical="center"/>
    </xf>
    <xf numFmtId="3" fontId="47" fillId="0" borderId="27" xfId="2" applyNumberFormat="1" applyFont="1" applyFill="1" applyBorder="1" applyAlignment="1">
      <alignment vertical="center"/>
    </xf>
    <xf numFmtId="0" fontId="4" fillId="0" borderId="6" xfId="4" applyFont="1" applyFill="1" applyBorder="1"/>
    <xf numFmtId="0" fontId="28" fillId="0" borderId="1" xfId="4" applyFont="1" applyFill="1" applyBorder="1" applyAlignment="1">
      <alignment vertical="center"/>
    </xf>
    <xf numFmtId="0" fontId="14" fillId="0" borderId="1" xfId="4" applyFont="1" applyFill="1" applyBorder="1"/>
    <xf numFmtId="0" fontId="4" fillId="0" borderId="13" xfId="4" applyFont="1" applyFill="1" applyBorder="1"/>
    <xf numFmtId="0" fontId="28" fillId="0" borderId="11" xfId="4" applyFont="1" applyFill="1" applyBorder="1" applyAlignment="1">
      <alignment vertical="center"/>
    </xf>
    <xf numFmtId="0" fontId="14" fillId="0" borderId="11" xfId="4" applyFont="1" applyFill="1" applyBorder="1"/>
    <xf numFmtId="0" fontId="28" fillId="0" borderId="14" xfId="4" applyFont="1" applyFill="1" applyBorder="1"/>
    <xf numFmtId="0" fontId="8" fillId="0" borderId="1" xfId="4" applyFont="1" applyFill="1" applyBorder="1"/>
    <xf numFmtId="3" fontId="8" fillId="0" borderId="0" xfId="4" applyNumberFormat="1" applyFont="1" applyFill="1" applyBorder="1" applyAlignment="1">
      <alignment horizontal="right"/>
    </xf>
    <xf numFmtId="3" fontId="8" fillId="0" borderId="5" xfId="4" applyNumberFormat="1" applyFont="1" applyFill="1" applyBorder="1" applyAlignment="1">
      <alignment horizontal="right"/>
    </xf>
    <xf numFmtId="3" fontId="8" fillId="0" borderId="1" xfId="4" applyNumberFormat="1" applyFont="1" applyFill="1" applyBorder="1" applyAlignment="1">
      <alignment horizontal="right"/>
    </xf>
    <xf numFmtId="3" fontId="8" fillId="0" borderId="6" xfId="4" applyNumberFormat="1" applyFont="1" applyFill="1" applyBorder="1" applyAlignment="1">
      <alignment horizontal="right"/>
    </xf>
    <xf numFmtId="38" fontId="46" fillId="0" borderId="1" xfId="2" quotePrefix="1" applyFont="1" applyFill="1" applyBorder="1" applyAlignment="1">
      <alignment horizontal="right" vertical="center"/>
    </xf>
    <xf numFmtId="3" fontId="46" fillId="0" borderId="1" xfId="2" applyNumberFormat="1" applyFont="1" applyFill="1" applyBorder="1" applyAlignment="1">
      <alignment vertical="center"/>
    </xf>
    <xf numFmtId="3" fontId="46" fillId="0" borderId="5" xfId="2" applyNumberFormat="1" applyFont="1" applyFill="1" applyBorder="1" applyAlignment="1">
      <alignment vertical="center"/>
    </xf>
    <xf numFmtId="0" fontId="45" fillId="0" borderId="0" xfId="4" applyFont="1" applyFill="1"/>
    <xf numFmtId="38" fontId="46" fillId="0" borderId="26" xfId="2" quotePrefix="1" applyFont="1" applyFill="1" applyBorder="1" applyAlignment="1">
      <alignment horizontal="right" vertical="center"/>
    </xf>
    <xf numFmtId="3" fontId="46" fillId="0" borderId="26" xfId="2" applyNumberFormat="1" applyFont="1" applyFill="1" applyBorder="1" applyAlignment="1">
      <alignment vertical="center"/>
    </xf>
    <xf numFmtId="3" fontId="46" fillId="0" borderId="27" xfId="2" applyNumberFormat="1" applyFont="1" applyFill="1" applyBorder="1" applyAlignment="1">
      <alignment vertical="center"/>
    </xf>
    <xf numFmtId="3" fontId="47" fillId="0" borderId="28" xfId="4" quotePrefix="1" applyNumberFormat="1" applyFont="1" applyFill="1" applyBorder="1" applyAlignment="1">
      <alignment horizontal="right" vertical="center"/>
    </xf>
    <xf numFmtId="3" fontId="47" fillId="0" borderId="1" xfId="2" applyNumberFormat="1" applyFont="1" applyFill="1" applyBorder="1" applyAlignment="1">
      <alignment horizontal="right"/>
    </xf>
    <xf numFmtId="3" fontId="47" fillId="0" borderId="5" xfId="2" applyNumberFormat="1" applyFont="1" applyFill="1" applyBorder="1" applyAlignment="1">
      <alignment horizontal="right"/>
    </xf>
    <xf numFmtId="3" fontId="47" fillId="0" borderId="5" xfId="4" quotePrefix="1" applyNumberFormat="1" applyFont="1" applyFill="1" applyBorder="1" applyAlignment="1">
      <alignment horizontal="right" vertical="center"/>
    </xf>
    <xf numFmtId="3" fontId="47" fillId="0" borderId="27" xfId="4" quotePrefix="1" applyNumberFormat="1" applyFont="1" applyFill="1" applyBorder="1" applyAlignment="1">
      <alignment horizontal="right" vertical="center"/>
    </xf>
    <xf numFmtId="3" fontId="47" fillId="0" borderId="26" xfId="2" applyNumberFormat="1" applyFont="1" applyFill="1" applyBorder="1" applyAlignment="1">
      <alignment horizontal="right"/>
    </xf>
    <xf numFmtId="3" fontId="47" fillId="0" borderId="27" xfId="2" applyNumberFormat="1" applyFont="1" applyFill="1" applyBorder="1" applyAlignment="1">
      <alignment horizontal="right"/>
    </xf>
    <xf numFmtId="3" fontId="47" fillId="0" borderId="27" xfId="2" quotePrefix="1" applyNumberFormat="1" applyFont="1" applyFill="1" applyBorder="1" applyAlignment="1">
      <alignment horizontal="right"/>
    </xf>
    <xf numFmtId="3" fontId="47" fillId="0" borderId="38" xfId="2" applyNumberFormat="1" applyFont="1" applyFill="1" applyBorder="1" applyAlignment="1">
      <alignment horizontal="right"/>
    </xf>
    <xf numFmtId="3" fontId="47" fillId="0" borderId="39" xfId="2" applyNumberFormat="1" applyFont="1" applyFill="1" applyBorder="1" applyAlignment="1">
      <alignment horizontal="right"/>
    </xf>
    <xf numFmtId="3" fontId="47" fillId="0" borderId="4" xfId="4" quotePrefix="1" applyNumberFormat="1" applyFont="1" applyFill="1" applyBorder="1" applyAlignment="1">
      <alignment horizontal="right" vertical="center"/>
    </xf>
    <xf numFmtId="3" fontId="47" fillId="0" borderId="1" xfId="2" quotePrefix="1" applyNumberFormat="1" applyFont="1" applyFill="1" applyBorder="1" applyAlignment="1">
      <alignment horizontal="right"/>
    </xf>
    <xf numFmtId="3" fontId="47" fillId="0" borderId="1" xfId="4" quotePrefix="1" applyNumberFormat="1" applyFont="1" applyFill="1" applyBorder="1" applyAlignment="1">
      <alignment horizontal="right" vertical="center"/>
    </xf>
    <xf numFmtId="3" fontId="47" fillId="0" borderId="16" xfId="4" quotePrefix="1" applyNumberFormat="1" applyFont="1" applyFill="1" applyBorder="1" applyAlignment="1">
      <alignment horizontal="right" vertical="center"/>
    </xf>
    <xf numFmtId="3" fontId="47" fillId="0" borderId="11" xfId="2" applyNumberFormat="1" applyFont="1" applyFill="1" applyBorder="1" applyAlignment="1">
      <alignment horizontal="right"/>
    </xf>
    <xf numFmtId="3" fontId="47" fillId="0" borderId="16" xfId="2" applyNumberFormat="1" applyFont="1" applyFill="1" applyBorder="1" applyAlignment="1">
      <alignment horizontal="right"/>
    </xf>
    <xf numFmtId="3" fontId="42" fillId="0" borderId="0" xfId="4" quotePrefix="1" applyNumberFormat="1" applyFont="1" applyFill="1" applyBorder="1" applyAlignment="1">
      <alignment horizontal="right"/>
    </xf>
    <xf numFmtId="0" fontId="48" fillId="0" borderId="0" xfId="4" applyFont="1" applyFill="1" applyBorder="1" applyAlignment="1"/>
    <xf numFmtId="0" fontId="48" fillId="0" borderId="0" xfId="4" applyFont="1" applyFill="1" applyBorder="1"/>
    <xf numFmtId="38" fontId="42" fillId="0" borderId="0" xfId="2" applyFont="1" applyFill="1" applyBorder="1" applyAlignment="1">
      <alignment horizontal="right"/>
    </xf>
    <xf numFmtId="0" fontId="31" fillId="0" borderId="0" xfId="4" applyFont="1" applyFill="1"/>
    <xf numFmtId="180" fontId="31" fillId="0" borderId="0" xfId="4" applyNumberFormat="1" applyFont="1" applyFill="1"/>
    <xf numFmtId="180" fontId="42" fillId="0" borderId="0" xfId="4" applyNumberFormat="1" applyFont="1" applyFill="1"/>
    <xf numFmtId="0" fontId="4" fillId="0" borderId="17" xfId="4" applyFont="1" applyFill="1" applyBorder="1"/>
    <xf numFmtId="0" fontId="8" fillId="0" borderId="4" xfId="4" applyFont="1" applyFill="1" applyBorder="1"/>
    <xf numFmtId="0" fontId="8" fillId="0" borderId="2" xfId="4" applyFont="1" applyFill="1" applyBorder="1"/>
    <xf numFmtId="0" fontId="8" fillId="0" borderId="7" xfId="4" applyFont="1" applyFill="1" applyBorder="1"/>
    <xf numFmtId="0" fontId="28" fillId="0" borderId="5" xfId="4" applyFont="1" applyFill="1" applyBorder="1" applyAlignment="1">
      <alignment horizontal="center"/>
    </xf>
    <xf numFmtId="0" fontId="28" fillId="0" borderId="3" xfId="4" applyFont="1" applyFill="1" applyBorder="1" applyAlignment="1">
      <alignment horizontal="center"/>
    </xf>
    <xf numFmtId="0" fontId="28" fillId="0" borderId="6" xfId="4" applyFont="1" applyFill="1" applyBorder="1" applyAlignment="1">
      <alignment horizontal="center"/>
    </xf>
    <xf numFmtId="0" fontId="28" fillId="0" borderId="4" xfId="4" applyFont="1" applyFill="1" applyBorder="1" applyAlignment="1">
      <alignment horizontal="center"/>
    </xf>
    <xf numFmtId="0" fontId="4" fillId="0" borderId="6" xfId="4" applyFont="1" applyFill="1" applyBorder="1" applyAlignment="1">
      <alignment horizontal="left"/>
    </xf>
    <xf numFmtId="0" fontId="14" fillId="0" borderId="6" xfId="4" applyFont="1" applyFill="1" applyBorder="1" applyAlignment="1">
      <alignment horizontal="center" vertical="center"/>
    </xf>
    <xf numFmtId="38" fontId="3" fillId="0" borderId="1" xfId="2" applyFont="1" applyFill="1" applyBorder="1" applyAlignment="1">
      <alignment horizontal="right" vertical="center"/>
    </xf>
    <xf numFmtId="0" fontId="3" fillId="0" borderId="44" xfId="4" applyFont="1" applyFill="1" applyBorder="1" applyAlignment="1">
      <alignment vertical="center"/>
    </xf>
    <xf numFmtId="3" fontId="3" fillId="0" borderId="5" xfId="2" applyNumberFormat="1" applyFont="1" applyFill="1" applyBorder="1" applyAlignment="1">
      <alignment vertical="center"/>
    </xf>
    <xf numFmtId="3" fontId="3" fillId="0" borderId="27" xfId="2" applyNumberFormat="1" applyFont="1" applyFill="1" applyBorder="1" applyAlignment="1">
      <alignment vertical="center"/>
    </xf>
    <xf numFmtId="3" fontId="3" fillId="0" borderId="26" xfId="2" applyNumberFormat="1" applyFont="1" applyFill="1" applyBorder="1" applyAlignment="1">
      <alignment vertical="center"/>
    </xf>
    <xf numFmtId="3" fontId="3" fillId="0" borderId="44" xfId="2" applyNumberFormat="1" applyFont="1" applyFill="1" applyBorder="1" applyAlignment="1">
      <alignment vertical="center"/>
    </xf>
    <xf numFmtId="0" fontId="14" fillId="0" borderId="6" xfId="4" applyFont="1" applyFill="1" applyBorder="1" applyAlignment="1"/>
    <xf numFmtId="38" fontId="14" fillId="0" borderId="6" xfId="2" applyFont="1" applyFill="1" applyBorder="1" applyAlignment="1">
      <alignment horizontal="center"/>
    </xf>
    <xf numFmtId="0" fontId="14" fillId="0" borderId="6" xfId="4" applyFont="1" applyFill="1" applyBorder="1"/>
    <xf numFmtId="3" fontId="3" fillId="0" borderId="1" xfId="2" applyNumberFormat="1" applyFont="1" applyFill="1" applyBorder="1" applyAlignment="1">
      <alignment horizontal="right" vertical="center"/>
    </xf>
    <xf numFmtId="0" fontId="14" fillId="0" borderId="6" xfId="4" quotePrefix="1" applyFont="1" applyFill="1" applyBorder="1" applyAlignment="1">
      <alignment horizontal="center"/>
    </xf>
    <xf numFmtId="0" fontId="14" fillId="0" borderId="44" xfId="4" applyFont="1" applyFill="1" applyBorder="1"/>
    <xf numFmtId="3" fontId="3" fillId="0" borderId="26" xfId="2" applyNumberFormat="1" applyFont="1" applyFill="1" applyBorder="1" applyAlignment="1">
      <alignment horizontal="right" vertical="center"/>
    </xf>
    <xf numFmtId="0" fontId="8" fillId="0" borderId="6" xfId="4" applyFont="1" applyFill="1" applyBorder="1"/>
    <xf numFmtId="0" fontId="8" fillId="0" borderId="0" xfId="4" applyFont="1" applyFill="1" applyBorder="1"/>
    <xf numFmtId="3" fontId="8" fillId="0" borderId="1" xfId="4" applyNumberFormat="1" applyFont="1" applyFill="1" applyBorder="1" applyAlignment="1">
      <alignment horizontal="right" vertical="center"/>
    </xf>
    <xf numFmtId="3" fontId="8" fillId="0" borderId="6" xfId="4" applyNumberFormat="1" applyFont="1" applyFill="1" applyBorder="1" applyAlignment="1">
      <alignment horizontal="right" vertical="center"/>
    </xf>
    <xf numFmtId="38" fontId="12" fillId="0" borderId="1" xfId="2" applyFont="1" applyFill="1" applyBorder="1" applyAlignment="1">
      <alignment horizontal="right" vertical="center"/>
    </xf>
    <xf numFmtId="3" fontId="12" fillId="0" borderId="1" xfId="2" applyNumberFormat="1" applyFont="1" applyFill="1" applyBorder="1" applyAlignment="1">
      <alignment vertical="center"/>
    </xf>
    <xf numFmtId="3" fontId="12" fillId="0" borderId="5" xfId="2" applyNumberFormat="1" applyFont="1" applyFill="1" applyBorder="1" applyAlignment="1">
      <alignment vertical="center"/>
    </xf>
    <xf numFmtId="38" fontId="12" fillId="0" borderId="26" xfId="2" applyFont="1" applyFill="1" applyBorder="1" applyAlignment="1">
      <alignment horizontal="right" vertical="center"/>
    </xf>
    <xf numFmtId="3" fontId="12" fillId="0" borderId="26" xfId="2" applyNumberFormat="1" applyFont="1" applyFill="1" applyBorder="1" applyAlignment="1">
      <alignment vertical="center"/>
    </xf>
    <xf numFmtId="3" fontId="12" fillId="0" borderId="27" xfId="2" applyNumberFormat="1" applyFont="1" applyFill="1" applyBorder="1" applyAlignment="1">
      <alignment vertical="center"/>
    </xf>
    <xf numFmtId="38" fontId="3" fillId="0" borderId="6" xfId="2" applyFont="1" applyFill="1" applyBorder="1" applyAlignment="1">
      <alignment horizontal="right" vertical="center"/>
    </xf>
    <xf numFmtId="3" fontId="3" fillId="0" borderId="29" xfId="2" applyNumberFormat="1" applyFont="1" applyFill="1" applyBorder="1" applyAlignment="1">
      <alignment horizontal="right" vertical="center"/>
    </xf>
    <xf numFmtId="3" fontId="3" fillId="0" borderId="5" xfId="2" applyNumberFormat="1" applyFont="1" applyFill="1" applyBorder="1" applyAlignment="1">
      <alignment horizontal="right" vertical="center"/>
    </xf>
    <xf numFmtId="3" fontId="3" fillId="0" borderId="6" xfId="2" applyNumberFormat="1" applyFont="1" applyFill="1" applyBorder="1" applyAlignment="1">
      <alignment horizontal="right" vertical="center"/>
    </xf>
    <xf numFmtId="38" fontId="3" fillId="0" borderId="26" xfId="2" applyFont="1" applyFill="1" applyBorder="1" applyAlignment="1">
      <alignment horizontal="right" vertical="center"/>
    </xf>
    <xf numFmtId="3" fontId="3" fillId="0" borderId="27" xfId="2" applyNumberFormat="1" applyFont="1" applyFill="1" applyBorder="1" applyAlignment="1">
      <alignment horizontal="right" vertical="center"/>
    </xf>
    <xf numFmtId="3" fontId="3" fillId="0" borderId="44" xfId="2" applyNumberFormat="1" applyFont="1" applyFill="1" applyBorder="1" applyAlignment="1">
      <alignment horizontal="right" vertical="center"/>
    </xf>
    <xf numFmtId="0" fontId="8" fillId="0" borderId="6" xfId="4" applyFont="1" applyFill="1" applyBorder="1" applyAlignment="1">
      <alignment horizontal="right" vertical="center"/>
    </xf>
    <xf numFmtId="3" fontId="8" fillId="0" borderId="5" xfId="4" applyNumberFormat="1" applyFont="1" applyFill="1" applyBorder="1" applyAlignment="1">
      <alignment horizontal="right" vertical="center"/>
    </xf>
    <xf numFmtId="3" fontId="8" fillId="0" borderId="0" xfId="4" applyNumberFormat="1" applyFont="1" applyFill="1" applyBorder="1" applyAlignment="1">
      <alignment horizontal="right" vertical="center"/>
    </xf>
    <xf numFmtId="0" fontId="42" fillId="0" borderId="0" xfId="4" applyFont="1" applyFill="1" applyAlignment="1"/>
    <xf numFmtId="0" fontId="49" fillId="0" borderId="0" xfId="4" applyFont="1" applyFill="1"/>
    <xf numFmtId="0" fontId="50" fillId="0" borderId="0" xfId="4" applyFont="1" applyFill="1"/>
    <xf numFmtId="0" fontId="4" fillId="0" borderId="15" xfId="4" applyFont="1" applyFill="1" applyBorder="1" applyAlignment="1">
      <alignment vertical="center"/>
    </xf>
    <xf numFmtId="0" fontId="14" fillId="0" borderId="1" xfId="4" applyFont="1" applyFill="1" applyBorder="1" applyAlignment="1"/>
    <xf numFmtId="0" fontId="46" fillId="0" borderId="0" xfId="4" applyFont="1" applyFill="1" applyBorder="1" applyAlignment="1">
      <alignment horizontal="center"/>
    </xf>
    <xf numFmtId="0" fontId="46" fillId="0" borderId="0" xfId="4" applyFont="1" applyFill="1" applyBorder="1" applyAlignment="1"/>
    <xf numFmtId="0" fontId="46" fillId="0" borderId="2" xfId="4" applyFont="1" applyFill="1" applyBorder="1" applyAlignment="1"/>
    <xf numFmtId="0" fontId="4" fillId="0" borderId="36" xfId="4" applyFont="1" applyFill="1" applyBorder="1" applyAlignment="1">
      <alignment horizontal="center"/>
    </xf>
    <xf numFmtId="0" fontId="4" fillId="0" borderId="24" xfId="4" applyFont="1" applyFill="1" applyBorder="1" applyAlignment="1">
      <alignment horizontal="center"/>
    </xf>
    <xf numFmtId="0" fontId="46" fillId="0" borderId="1" xfId="4" applyFont="1" applyFill="1" applyBorder="1" applyAlignment="1">
      <alignment horizontal="center"/>
    </xf>
    <xf numFmtId="180" fontId="3" fillId="0" borderId="0" xfId="4" applyNumberFormat="1" applyFont="1" applyFill="1" applyBorder="1" applyAlignment="1">
      <alignment horizontal="right"/>
    </xf>
    <xf numFmtId="38" fontId="3" fillId="0" borderId="34" xfId="2" applyFont="1" applyFill="1" applyBorder="1" applyAlignment="1">
      <alignment horizontal="right" vertical="center" indent="1"/>
    </xf>
    <xf numFmtId="0" fontId="46" fillId="0" borderId="26" xfId="4" applyFont="1" applyFill="1" applyBorder="1" applyAlignment="1">
      <alignment vertical="center"/>
    </xf>
    <xf numFmtId="3" fontId="3" fillId="0" borderId="34" xfId="2" applyNumberFormat="1" applyFont="1" applyFill="1" applyBorder="1" applyAlignment="1">
      <alignment vertical="center"/>
    </xf>
    <xf numFmtId="180" fontId="3" fillId="0" borderId="34" xfId="4" applyNumberFormat="1" applyFont="1" applyFill="1" applyBorder="1" applyAlignment="1">
      <alignment vertical="center"/>
    </xf>
    <xf numFmtId="180" fontId="3" fillId="0" borderId="44" xfId="4" applyNumberFormat="1" applyFont="1" applyFill="1" applyBorder="1" applyAlignment="1">
      <alignment vertical="center"/>
    </xf>
    <xf numFmtId="180" fontId="3" fillId="0" borderId="44" xfId="4" applyNumberFormat="1" applyFont="1" applyFill="1" applyBorder="1" applyAlignment="1">
      <alignment horizontal="right" vertical="center"/>
    </xf>
    <xf numFmtId="0" fontId="4" fillId="0" borderId="0" xfId="4" applyFont="1" applyFill="1" applyAlignment="1">
      <alignment vertical="center"/>
    </xf>
    <xf numFmtId="0" fontId="14" fillId="0" borderId="1" xfId="4" applyFont="1" applyFill="1" applyBorder="1" applyAlignment="1">
      <alignment vertical="center"/>
    </xf>
    <xf numFmtId="3" fontId="15" fillId="0" borderId="5" xfId="2" applyNumberFormat="1" applyFont="1" applyFill="1" applyBorder="1" applyAlignment="1">
      <alignment horizontal="right" vertical="center"/>
    </xf>
    <xf numFmtId="3" fontId="15" fillId="0" borderId="1" xfId="2" applyNumberFormat="1" applyFont="1" applyFill="1" applyBorder="1" applyAlignment="1">
      <alignment horizontal="right" vertical="center"/>
    </xf>
    <xf numFmtId="0" fontId="14" fillId="0" borderId="11" xfId="4" applyFont="1" applyFill="1" applyBorder="1" applyAlignment="1">
      <alignment vertical="center"/>
    </xf>
    <xf numFmtId="3" fontId="15" fillId="0" borderId="16" xfId="2" applyNumberFormat="1" applyFont="1" applyFill="1" applyBorder="1" applyAlignment="1">
      <alignment horizontal="right" vertical="center"/>
    </xf>
    <xf numFmtId="3" fontId="15" fillId="0" borderId="11" xfId="2" applyNumberFormat="1" applyFont="1" applyFill="1" applyBorder="1" applyAlignment="1">
      <alignment horizontal="right" vertical="center"/>
    </xf>
    <xf numFmtId="0" fontId="51" fillId="0" borderId="0" xfId="4" applyFont="1" applyFill="1"/>
    <xf numFmtId="0" fontId="4" fillId="0" borderId="19" xfId="4" applyFont="1" applyFill="1" applyBorder="1" applyAlignment="1">
      <alignment vertical="center"/>
    </xf>
    <xf numFmtId="38" fontId="3" fillId="0" borderId="44" xfId="2" applyFont="1" applyFill="1" applyBorder="1" applyAlignment="1">
      <alignment horizontal="right" vertical="center" indent="1"/>
    </xf>
    <xf numFmtId="0" fontId="24" fillId="0" borderId="15" xfId="4" applyFont="1" applyFill="1" applyBorder="1" applyAlignment="1">
      <alignment vertical="center"/>
    </xf>
    <xf numFmtId="0" fontId="24" fillId="0" borderId="17" xfId="4" applyFont="1" applyFill="1" applyBorder="1" applyAlignment="1">
      <alignment vertical="center"/>
    </xf>
    <xf numFmtId="0" fontId="24" fillId="0" borderId="0" xfId="4" applyFont="1" applyFill="1" applyBorder="1" applyAlignment="1">
      <alignment vertical="center"/>
    </xf>
    <xf numFmtId="0" fontId="24" fillId="0" borderId="6" xfId="4" applyFont="1" applyFill="1" applyBorder="1" applyAlignment="1">
      <alignment vertical="center"/>
    </xf>
    <xf numFmtId="0" fontId="14" fillId="0" borderId="0" xfId="4" applyFont="1" applyFill="1" applyBorder="1" applyAlignment="1"/>
    <xf numFmtId="0" fontId="24" fillId="0" borderId="9" xfId="4" applyFont="1" applyFill="1" applyBorder="1" applyAlignment="1">
      <alignment vertical="center"/>
    </xf>
    <xf numFmtId="0" fontId="24" fillId="0" borderId="10" xfId="4" applyFont="1" applyFill="1" applyBorder="1" applyAlignment="1">
      <alignment vertical="center"/>
    </xf>
    <xf numFmtId="0" fontId="3" fillId="0" borderId="7" xfId="4" applyFont="1" applyFill="1" applyBorder="1" applyAlignment="1">
      <alignment vertical="center"/>
    </xf>
    <xf numFmtId="0" fontId="3" fillId="0" borderId="6" xfId="4" applyFont="1" applyFill="1" applyBorder="1" applyAlignment="1">
      <alignment horizontal="center"/>
    </xf>
    <xf numFmtId="0" fontId="46" fillId="0" borderId="1" xfId="4" applyFont="1" applyFill="1" applyBorder="1" applyAlignment="1">
      <alignment horizontal="center" vertical="center"/>
    </xf>
    <xf numFmtId="0" fontId="3" fillId="0" borderId="5" xfId="4" applyFont="1" applyFill="1" applyBorder="1" applyAlignment="1">
      <alignment horizontal="center"/>
    </xf>
    <xf numFmtId="0" fontId="3" fillId="0" borderId="6" xfId="4" applyFont="1" applyFill="1" applyBorder="1" applyAlignment="1">
      <alignment vertical="center"/>
    </xf>
    <xf numFmtId="0" fontId="3" fillId="0" borderId="1" xfId="4" applyFont="1" applyFill="1" applyBorder="1" applyAlignment="1">
      <alignment horizontal="center" vertical="center"/>
    </xf>
    <xf numFmtId="3" fontId="3" fillId="0" borderId="34" xfId="2" applyNumberFormat="1" applyFont="1" applyFill="1" applyBorder="1" applyAlignment="1">
      <alignment horizontal="right" vertical="center"/>
    </xf>
    <xf numFmtId="0" fontId="3" fillId="0" borderId="6" xfId="4" applyFont="1" applyFill="1" applyBorder="1" applyAlignment="1">
      <alignment vertical="center" textRotation="255"/>
    </xf>
    <xf numFmtId="0" fontId="3" fillId="0" borderId="6" xfId="4" applyFont="1" applyFill="1" applyBorder="1" applyAlignment="1">
      <alignment horizontal="center" vertical="center"/>
    </xf>
    <xf numFmtId="38" fontId="12" fillId="0" borderId="6" xfId="2" applyFont="1" applyFill="1" applyBorder="1" applyAlignment="1">
      <alignment horizontal="right" vertical="center" indent="1"/>
    </xf>
    <xf numFmtId="3" fontId="12" fillId="0" borderId="5" xfId="2" applyNumberFormat="1" applyFont="1" applyFill="1" applyBorder="1" applyAlignment="1">
      <alignment horizontal="right" vertical="center"/>
    </xf>
    <xf numFmtId="3" fontId="12" fillId="0" borderId="1" xfId="2" applyNumberFormat="1" applyFont="1" applyFill="1" applyBorder="1" applyAlignment="1">
      <alignment horizontal="right" vertical="center"/>
    </xf>
    <xf numFmtId="3" fontId="12" fillId="0" borderId="0" xfId="2" applyNumberFormat="1" applyFont="1" applyFill="1" applyBorder="1" applyAlignment="1">
      <alignment horizontal="right" vertical="center"/>
    </xf>
    <xf numFmtId="3" fontId="12" fillId="0" borderId="6" xfId="2" applyNumberFormat="1" applyFont="1" applyFill="1" applyBorder="1" applyAlignment="1">
      <alignment horizontal="right" vertical="center"/>
    </xf>
    <xf numFmtId="38" fontId="3" fillId="0" borderId="6" xfId="2" applyFont="1" applyFill="1" applyBorder="1" applyAlignment="1">
      <alignment horizontal="right" vertical="center" indent="1"/>
    </xf>
    <xf numFmtId="0" fontId="46" fillId="0" borderId="1" xfId="4" applyFont="1" applyFill="1" applyBorder="1" applyAlignment="1">
      <alignment vertical="center"/>
    </xf>
    <xf numFmtId="3" fontId="3" fillId="0" borderId="0" xfId="2" applyNumberFormat="1" applyFont="1" applyFill="1" applyBorder="1" applyAlignment="1">
      <alignment horizontal="right" vertical="center"/>
    </xf>
    <xf numFmtId="0" fontId="46" fillId="0" borderId="1" xfId="4" applyFont="1" applyFill="1" applyBorder="1" applyAlignment="1">
      <alignment horizontal="left" vertical="center"/>
    </xf>
    <xf numFmtId="0" fontId="46" fillId="0" borderId="26" xfId="4" applyFont="1" applyFill="1" applyBorder="1" applyAlignment="1">
      <alignment horizontal="left" vertical="center"/>
    </xf>
    <xf numFmtId="3" fontId="3" fillId="0" borderId="44" xfId="2" applyNumberFormat="1" applyFont="1" applyFill="1" applyBorder="1" applyAlignment="1">
      <alignment horizontal="right" vertical="center" indent="1"/>
    </xf>
    <xf numFmtId="3" fontId="12" fillId="0" borderId="27" xfId="2" applyNumberFormat="1" applyFont="1" applyFill="1" applyBorder="1" applyAlignment="1">
      <alignment horizontal="right" vertical="center"/>
    </xf>
    <xf numFmtId="0" fontId="7" fillId="0" borderId="15" xfId="4" applyFill="1" applyBorder="1"/>
    <xf numFmtId="0" fontId="3" fillId="0" borderId="44" xfId="4" applyFont="1" applyFill="1" applyBorder="1" applyAlignment="1">
      <alignment horizontal="right" vertical="center" indent="1"/>
    </xf>
    <xf numFmtId="0" fontId="7" fillId="0" borderId="0" xfId="4" applyFill="1" applyBorder="1"/>
    <xf numFmtId="38" fontId="4" fillId="0" borderId="12" xfId="2" applyFont="1" applyFill="1" applyBorder="1"/>
    <xf numFmtId="0" fontId="3" fillId="0" borderId="0" xfId="4" applyFont="1" applyFill="1" applyBorder="1" applyAlignment="1">
      <alignment horizontal="left" vertical="center"/>
    </xf>
    <xf numFmtId="38" fontId="4" fillId="0" borderId="16" xfId="2" applyFont="1" applyFill="1" applyBorder="1"/>
    <xf numFmtId="38" fontId="4" fillId="0" borderId="13" xfId="2" applyFont="1" applyFill="1" applyBorder="1"/>
    <xf numFmtId="37" fontId="3" fillId="0" borderId="0" xfId="4" applyNumberFormat="1" applyFont="1" applyFill="1" applyBorder="1"/>
    <xf numFmtId="37" fontId="4" fillId="0" borderId="16" xfId="4" applyNumberFormat="1" applyFont="1" applyFill="1" applyBorder="1"/>
    <xf numFmtId="37" fontId="4" fillId="0" borderId="11" xfId="4" applyNumberFormat="1" applyFont="1" applyFill="1" applyBorder="1"/>
    <xf numFmtId="37" fontId="4" fillId="0" borderId="13" xfId="4" applyNumberFormat="1" applyFont="1" applyFill="1" applyBorder="1"/>
    <xf numFmtId="37" fontId="4" fillId="0" borderId="12" xfId="4" applyNumberFormat="1" applyFont="1" applyFill="1" applyBorder="1"/>
    <xf numFmtId="177" fontId="4" fillId="0" borderId="11" xfId="0" applyNumberFormat="1" applyFont="1" applyFill="1" applyBorder="1"/>
    <xf numFmtId="177" fontId="4" fillId="0" borderId="3" xfId="0" applyNumberFormat="1" applyFont="1" applyFill="1" applyBorder="1"/>
    <xf numFmtId="177" fontId="4" fillId="0" borderId="4" xfId="0" applyNumberFormat="1" applyFont="1" applyFill="1" applyBorder="1"/>
    <xf numFmtId="177" fontId="4" fillId="0" borderId="8" xfId="0" applyNumberFormat="1" applyFont="1" applyFill="1" applyBorder="1"/>
    <xf numFmtId="177" fontId="4" fillId="0" borderId="2" xfId="0" applyNumberFormat="1" applyFont="1" applyFill="1" applyBorder="1"/>
    <xf numFmtId="177" fontId="4" fillId="0" borderId="16" xfId="0" applyNumberFormat="1" applyFont="1" applyFill="1" applyBorder="1"/>
    <xf numFmtId="0" fontId="53" fillId="0" borderId="0" xfId="4" applyFont="1" applyFill="1" applyAlignment="1">
      <alignment vertical="center"/>
    </xf>
    <xf numFmtId="0" fontId="4" fillId="0" borderId="22" xfId="4" applyFont="1" applyFill="1" applyBorder="1" applyAlignment="1">
      <alignment horizontal="center"/>
    </xf>
    <xf numFmtId="0" fontId="4" fillId="0" borderId="8" xfId="4" applyFont="1" applyFill="1" applyBorder="1" applyAlignment="1">
      <alignment horizontal="center"/>
    </xf>
    <xf numFmtId="0" fontId="4" fillId="0" borderId="9" xfId="4" applyFont="1" applyFill="1" applyBorder="1" applyAlignment="1">
      <alignment horizontal="center"/>
    </xf>
    <xf numFmtId="0" fontId="4" fillId="0" borderId="23" xfId="4" applyFont="1" applyFill="1" applyBorder="1" applyAlignment="1">
      <alignment horizontal="center"/>
    </xf>
    <xf numFmtId="0" fontId="4" fillId="0" borderId="10" xfId="4" applyFont="1" applyFill="1" applyBorder="1" applyAlignment="1">
      <alignment horizontal="center"/>
    </xf>
    <xf numFmtId="0" fontId="12" fillId="0" borderId="0" xfId="4" quotePrefix="1" applyFont="1" applyFill="1" applyBorder="1" applyAlignment="1">
      <alignment horizontal="left"/>
    </xf>
    <xf numFmtId="0" fontId="12" fillId="0" borderId="6" xfId="4" applyFont="1" applyFill="1" applyBorder="1" applyAlignment="1">
      <alignment horizontal="left"/>
    </xf>
    <xf numFmtId="37" fontId="12" fillId="0" borderId="5" xfId="4" applyNumberFormat="1" applyFont="1" applyFill="1" applyBorder="1"/>
    <xf numFmtId="37" fontId="12" fillId="0" borderId="1" xfId="4" applyNumberFormat="1" applyFont="1" applyFill="1" applyBorder="1"/>
    <xf numFmtId="37" fontId="12" fillId="0" borderId="6" xfId="4" applyNumberFormat="1" applyFont="1" applyFill="1" applyBorder="1"/>
    <xf numFmtId="37" fontId="12" fillId="0" borderId="0" xfId="4" applyNumberFormat="1" applyFont="1" applyFill="1" applyBorder="1"/>
    <xf numFmtId="0" fontId="46" fillId="0" borderId="0" xfId="4" applyFont="1" applyFill="1"/>
    <xf numFmtId="0" fontId="14" fillId="0" borderId="0" xfId="4" applyFont="1" applyFill="1"/>
    <xf numFmtId="0" fontId="3" fillId="0" borderId="0" xfId="4" applyFont="1" applyFill="1" applyBorder="1"/>
    <xf numFmtId="0" fontId="3" fillId="0" borderId="0" xfId="4" quotePrefix="1" applyFont="1" applyFill="1" applyBorder="1" applyAlignment="1">
      <alignment horizontal="distributed"/>
    </xf>
    <xf numFmtId="37" fontId="3" fillId="0" borderId="5" xfId="4" applyNumberFormat="1" applyFont="1" applyFill="1" applyBorder="1"/>
    <xf numFmtId="37" fontId="3" fillId="0" borderId="1" xfId="4" applyNumberFormat="1" applyFont="1" applyFill="1" applyBorder="1"/>
    <xf numFmtId="37" fontId="3" fillId="0" borderId="6" xfId="4" applyNumberFormat="1" applyFont="1" applyFill="1" applyBorder="1"/>
    <xf numFmtId="0" fontId="47" fillId="0" borderId="0" xfId="4" applyFont="1" applyFill="1" applyBorder="1"/>
    <xf numFmtId="0" fontId="3" fillId="0" borderId="0" xfId="4" applyFont="1" applyFill="1" applyBorder="1" applyAlignment="1">
      <alignment horizontal="distributed"/>
    </xf>
    <xf numFmtId="0" fontId="46" fillId="0" borderId="0" xfId="4" applyFont="1" applyFill="1" applyBorder="1"/>
    <xf numFmtId="0" fontId="12" fillId="0" borderId="0" xfId="4" applyFont="1" applyFill="1" applyBorder="1" applyAlignment="1">
      <alignment horizontal="left"/>
    </xf>
    <xf numFmtId="0" fontId="3" fillId="0" borderId="0" xfId="4" applyFont="1" applyFill="1" applyBorder="1" applyAlignment="1">
      <alignment horizontal="distributed" vertical="top"/>
    </xf>
    <xf numFmtId="37" fontId="3" fillId="0" borderId="0" xfId="4" applyNumberFormat="1" applyFont="1" applyFill="1" applyBorder="1" applyAlignment="1">
      <alignment vertical="top"/>
    </xf>
    <xf numFmtId="37" fontId="3" fillId="0" borderId="1" xfId="4" applyNumberFormat="1" applyFont="1" applyFill="1" applyBorder="1" applyAlignment="1">
      <alignment vertical="top"/>
    </xf>
    <xf numFmtId="37" fontId="3" fillId="0" borderId="5" xfId="4" applyNumberFormat="1" applyFont="1" applyFill="1" applyBorder="1" applyAlignment="1">
      <alignment vertical="top"/>
    </xf>
    <xf numFmtId="0" fontId="47" fillId="0" borderId="0" xfId="4" applyFont="1" applyFill="1"/>
    <xf numFmtId="0" fontId="4" fillId="0" borderId="12" xfId="4" applyFont="1" applyFill="1" applyBorder="1"/>
    <xf numFmtId="0" fontId="4" fillId="0" borderId="12" xfId="4" applyFont="1" applyFill="1" applyBorder="1" applyAlignment="1">
      <alignment horizontal="distributed"/>
    </xf>
    <xf numFmtId="37" fontId="3" fillId="0" borderId="6" xfId="4" applyNumberFormat="1" applyFont="1" applyFill="1" applyBorder="1" applyAlignment="1">
      <alignment vertical="top"/>
    </xf>
    <xf numFmtId="0" fontId="7" fillId="0" borderId="0" xfId="4" applyFill="1" applyAlignment="1"/>
    <xf numFmtId="38" fontId="12" fillId="0" borderId="5" xfId="2" applyFont="1" applyFill="1" applyBorder="1"/>
    <xf numFmtId="38" fontId="12" fillId="0" borderId="1" xfId="2" applyFont="1" applyFill="1" applyBorder="1"/>
    <xf numFmtId="38" fontId="12" fillId="0" borderId="6" xfId="2" applyFont="1" applyFill="1" applyBorder="1"/>
    <xf numFmtId="38" fontId="12" fillId="0" borderId="0" xfId="2" applyFont="1" applyFill="1" applyBorder="1"/>
    <xf numFmtId="38" fontId="12" fillId="0" borderId="4" xfId="2" applyFont="1" applyFill="1" applyBorder="1"/>
    <xf numFmtId="38" fontId="3" fillId="0" borderId="5" xfId="2" applyFont="1" applyFill="1" applyBorder="1"/>
    <xf numFmtId="38" fontId="3" fillId="0" borderId="1" xfId="2" applyFont="1" applyFill="1" applyBorder="1"/>
    <xf numFmtId="38" fontId="3" fillId="0" borderId="6" xfId="2" applyFont="1" applyFill="1" applyBorder="1"/>
    <xf numFmtId="38" fontId="3" fillId="0" borderId="0" xfId="2" applyFont="1" applyFill="1" applyBorder="1"/>
    <xf numFmtId="38" fontId="3" fillId="0" borderId="1" xfId="2" applyFont="1" applyFill="1" applyBorder="1" applyAlignment="1">
      <alignment vertical="top"/>
    </xf>
    <xf numFmtId="38" fontId="3" fillId="0" borderId="0" xfId="2" applyFont="1" applyFill="1" applyBorder="1" applyAlignment="1">
      <alignment vertical="top"/>
    </xf>
    <xf numFmtId="38" fontId="3" fillId="0" borderId="5" xfId="2" applyFont="1" applyFill="1" applyBorder="1" applyAlignment="1">
      <alignment vertical="top"/>
    </xf>
    <xf numFmtId="38" fontId="3" fillId="0" borderId="6" xfId="2" applyFont="1" applyFill="1" applyBorder="1" applyAlignment="1">
      <alignment vertical="top"/>
    </xf>
    <xf numFmtId="37" fontId="7" fillId="0" borderId="0" xfId="4" applyNumberFormat="1" applyFill="1"/>
    <xf numFmtId="0" fontId="3" fillId="0" borderId="6" xfId="4" quotePrefix="1" applyFont="1" applyFill="1" applyBorder="1" applyAlignment="1">
      <alignment horizontal="distributed"/>
    </xf>
    <xf numFmtId="37" fontId="3" fillId="0" borderId="1" xfId="4" quotePrefix="1" applyNumberFormat="1" applyFont="1" applyFill="1" applyBorder="1" applyAlignment="1">
      <alignment horizontal="right"/>
    </xf>
    <xf numFmtId="37" fontId="3" fillId="0" borderId="6" xfId="4" quotePrefix="1" applyNumberFormat="1" applyFont="1" applyFill="1" applyBorder="1" applyAlignment="1">
      <alignment horizontal="right"/>
    </xf>
    <xf numFmtId="0" fontId="3" fillId="0" borderId="6" xfId="4" applyFont="1" applyFill="1" applyBorder="1" applyAlignment="1">
      <alignment horizontal="distributed"/>
    </xf>
    <xf numFmtId="37" fontId="3" fillId="0" borderId="1" xfId="4" applyNumberFormat="1" applyFont="1" applyFill="1" applyBorder="1" applyAlignment="1">
      <alignment horizontal="right"/>
    </xf>
    <xf numFmtId="37" fontId="3" fillId="0" borderId="6" xfId="4" applyNumberFormat="1" applyFont="1" applyFill="1" applyBorder="1" applyAlignment="1">
      <alignment horizontal="right"/>
    </xf>
    <xf numFmtId="37" fontId="3" fillId="0" borderId="5" xfId="4" applyNumberFormat="1" applyFont="1" applyFill="1" applyBorder="1" applyAlignment="1">
      <alignment horizontal="right"/>
    </xf>
    <xf numFmtId="0" fontId="12" fillId="0" borderId="0" xfId="4" applyFont="1" applyFill="1" applyBorder="1" applyAlignment="1">
      <alignment horizontal="left" vertical="top"/>
    </xf>
    <xf numFmtId="0" fontId="3" fillId="0" borderId="6" xfId="4" applyFont="1" applyFill="1" applyBorder="1" applyAlignment="1">
      <alignment horizontal="distributed" vertical="top"/>
    </xf>
    <xf numFmtId="37" fontId="3" fillId="0" borderId="5" xfId="4" applyNumberFormat="1" applyFont="1" applyFill="1" applyBorder="1" applyAlignment="1">
      <alignment horizontal="right" vertical="top"/>
    </xf>
    <xf numFmtId="37" fontId="3" fillId="0" borderId="1" xfId="4" applyNumberFormat="1" applyFont="1" applyFill="1" applyBorder="1" applyAlignment="1">
      <alignment horizontal="right" vertical="top"/>
    </xf>
    <xf numFmtId="0" fontId="46" fillId="0" borderId="0" xfId="4" applyFont="1" applyFill="1" applyAlignment="1">
      <alignment vertical="top"/>
    </xf>
    <xf numFmtId="0" fontId="14" fillId="0" borderId="0" xfId="4" applyFont="1" applyFill="1" applyAlignment="1">
      <alignment vertical="top"/>
    </xf>
    <xf numFmtId="0" fontId="4" fillId="0" borderId="11" xfId="4" applyFont="1" applyFill="1" applyBorder="1"/>
    <xf numFmtId="0" fontId="4" fillId="0" borderId="16" xfId="4" applyFont="1" applyFill="1" applyBorder="1"/>
    <xf numFmtId="0" fontId="52" fillId="0" borderId="12" xfId="4" applyFont="1" applyFill="1" applyBorder="1" applyAlignment="1">
      <alignment horizontal="right"/>
    </xf>
    <xf numFmtId="0" fontId="4" fillId="0" borderId="14" xfId="4" applyFont="1" applyFill="1" applyBorder="1" applyAlignment="1">
      <alignment vertical="center"/>
    </xf>
    <xf numFmtId="0" fontId="46" fillId="0" borderId="0" xfId="4" applyFont="1" applyFill="1" applyAlignment="1"/>
    <xf numFmtId="0" fontId="46" fillId="0" borderId="4" xfId="4" applyFont="1" applyFill="1" applyBorder="1" applyAlignment="1"/>
    <xf numFmtId="0" fontId="46" fillId="0" borderId="2" xfId="4" applyFont="1" applyFill="1" applyBorder="1" applyAlignment="1">
      <alignment horizontal="center"/>
    </xf>
    <xf numFmtId="0" fontId="15" fillId="0" borderId="1" xfId="4" applyFont="1" applyFill="1" applyBorder="1" applyAlignment="1">
      <alignment horizontal="center"/>
    </xf>
    <xf numFmtId="0" fontId="14" fillId="0" borderId="5" xfId="4" applyFont="1" applyFill="1" applyBorder="1" applyAlignment="1">
      <alignment vertical="center"/>
    </xf>
    <xf numFmtId="0" fontId="14" fillId="0" borderId="8" xfId="4" applyFont="1" applyFill="1" applyBorder="1"/>
    <xf numFmtId="0" fontId="14" fillId="0" borderId="9" xfId="4" applyFont="1" applyFill="1" applyBorder="1"/>
    <xf numFmtId="0" fontId="47" fillId="0" borderId="23" xfId="4" applyFont="1" applyFill="1" applyBorder="1" applyAlignment="1">
      <alignment horizontal="center"/>
    </xf>
    <xf numFmtId="0" fontId="47" fillId="0" borderId="9" xfId="4" applyFont="1" applyFill="1" applyBorder="1" applyAlignment="1">
      <alignment horizontal="center"/>
    </xf>
    <xf numFmtId="0" fontId="47" fillId="0" borderId="22" xfId="4" applyFont="1" applyFill="1" applyBorder="1" applyAlignment="1">
      <alignment horizontal="center"/>
    </xf>
    <xf numFmtId="0" fontId="47" fillId="0" borderId="25" xfId="4" applyFont="1" applyFill="1" applyBorder="1" applyAlignment="1">
      <alignment horizontal="center"/>
    </xf>
    <xf numFmtId="0" fontId="4" fillId="0" borderId="7" xfId="4" applyFont="1" applyFill="1" applyBorder="1" applyAlignment="1">
      <alignment horizontal="right" indent="1"/>
    </xf>
    <xf numFmtId="0" fontId="3" fillId="0" borderId="0" xfId="4" applyFont="1" applyFill="1" applyBorder="1" applyAlignment="1">
      <alignment horizontal="center" vertical="center"/>
    </xf>
    <xf numFmtId="0" fontId="4" fillId="0" borderId="3" xfId="4" applyFont="1" applyFill="1" applyBorder="1" applyAlignment="1">
      <alignment horizontal="right"/>
    </xf>
    <xf numFmtId="0" fontId="4" fillId="0" borderId="4" xfId="4" applyFont="1" applyFill="1" applyBorder="1" applyAlignment="1">
      <alignment horizontal="right"/>
    </xf>
    <xf numFmtId="0" fontId="3" fillId="0" borderId="1" xfId="4" applyFont="1" applyFill="1" applyBorder="1" applyAlignment="1">
      <alignment vertical="center" textRotation="255"/>
    </xf>
    <xf numFmtId="0" fontId="4" fillId="0" borderId="6" xfId="4" applyFont="1" applyFill="1" applyBorder="1" applyAlignment="1">
      <alignment horizontal="right" indent="1"/>
    </xf>
    <xf numFmtId="3" fontId="4" fillId="0" borderId="1" xfId="4" applyNumberFormat="1" applyFont="1" applyFill="1" applyBorder="1" applyAlignment="1">
      <alignment horizontal="right"/>
    </xf>
    <xf numFmtId="3" fontId="4" fillId="0" borderId="0" xfId="4" applyNumberFormat="1" applyFont="1" applyFill="1" applyBorder="1" applyAlignment="1">
      <alignment horizontal="right"/>
    </xf>
    <xf numFmtId="3" fontId="4" fillId="0" borderId="5" xfId="4" applyNumberFormat="1" applyFont="1" applyFill="1" applyBorder="1" applyAlignment="1">
      <alignment horizontal="right"/>
    </xf>
    <xf numFmtId="3" fontId="12" fillId="0" borderId="6" xfId="2" applyNumberFormat="1" applyFont="1" applyFill="1" applyBorder="1" applyAlignment="1">
      <alignment horizontal="right" vertical="center" indent="1"/>
    </xf>
    <xf numFmtId="3" fontId="3" fillId="0" borderId="6" xfId="2" applyNumberFormat="1" applyFont="1" applyFill="1" applyBorder="1" applyAlignment="1">
      <alignment horizontal="right" vertical="center" indent="1"/>
    </xf>
    <xf numFmtId="3" fontId="3" fillId="0" borderId="29" xfId="2" applyNumberFormat="1" applyFont="1" applyFill="1" applyBorder="1" applyAlignment="1">
      <alignment horizontal="right" vertical="center" indent="1"/>
    </xf>
    <xf numFmtId="3" fontId="3" fillId="0" borderId="26" xfId="2" applyNumberFormat="1" applyFont="1" applyFill="1" applyBorder="1" applyAlignment="1">
      <alignment horizontal="right" vertical="center" indent="1"/>
    </xf>
    <xf numFmtId="0" fontId="47" fillId="0" borderId="0" xfId="4" applyFont="1" applyFill="1" applyAlignment="1">
      <alignment horizontal="left" vertical="center"/>
    </xf>
    <xf numFmtId="0" fontId="51" fillId="0" borderId="0" xfId="4" applyFont="1" applyFill="1" applyBorder="1" applyAlignment="1"/>
    <xf numFmtId="0" fontId="51" fillId="0" borderId="0" xfId="4" applyFont="1" applyFill="1" applyBorder="1"/>
    <xf numFmtId="0" fontId="51" fillId="0" borderId="0" xfId="4" applyFont="1" applyFill="1" applyAlignment="1"/>
    <xf numFmtId="38" fontId="7" fillId="0" borderId="5" xfId="2" applyFont="1" applyFill="1" applyBorder="1"/>
    <xf numFmtId="0" fontId="49" fillId="0" borderId="0" xfId="4" applyFont="1" applyFill="1" applyAlignment="1">
      <alignment horizontal="right"/>
    </xf>
    <xf numFmtId="0" fontId="14" fillId="0" borderId="0" xfId="4" applyFont="1" applyFill="1" applyAlignment="1"/>
    <xf numFmtId="0" fontId="3" fillId="0" borderId="1" xfId="4" applyFont="1" applyFill="1" applyBorder="1" applyAlignment="1">
      <alignment horizontal="center"/>
    </xf>
    <xf numFmtId="0" fontId="14" fillId="0" borderId="0" xfId="4" applyFont="1" applyFill="1" applyAlignment="1">
      <alignment vertical="center"/>
    </xf>
    <xf numFmtId="0" fontId="14" fillId="0" borderId="0" xfId="4" applyFont="1" applyFill="1" applyBorder="1" applyAlignment="1">
      <alignment vertical="center"/>
    </xf>
    <xf numFmtId="38" fontId="12" fillId="0" borderId="6" xfId="2" applyFont="1" applyFill="1" applyBorder="1" applyAlignment="1">
      <alignment horizontal="right" indent="1"/>
    </xf>
    <xf numFmtId="3" fontId="12" fillId="0" borderId="0" xfId="2" applyNumberFormat="1" applyFont="1" applyFill="1" applyBorder="1" applyAlignment="1"/>
    <xf numFmtId="3" fontId="12" fillId="0" borderId="1" xfId="2" applyNumberFormat="1" applyFont="1" applyFill="1" applyBorder="1" applyAlignment="1"/>
    <xf numFmtId="3" fontId="12" fillId="0" borderId="5" xfId="2" applyNumberFormat="1" applyFont="1" applyFill="1" applyBorder="1" applyAlignment="1"/>
    <xf numFmtId="3" fontId="15" fillId="0" borderId="0" xfId="2" applyNumberFormat="1" applyFont="1" applyFill="1" applyBorder="1" applyAlignment="1">
      <alignment vertical="center"/>
    </xf>
    <xf numFmtId="3" fontId="15" fillId="0" borderId="1" xfId="2" applyNumberFormat="1" applyFont="1" applyFill="1" applyBorder="1" applyAlignment="1">
      <alignment vertical="center"/>
    </xf>
    <xf numFmtId="3" fontId="15" fillId="0" borderId="5" xfId="2" applyNumberFormat="1" applyFont="1" applyFill="1" applyBorder="1" applyAlignment="1">
      <alignment vertical="center"/>
    </xf>
    <xf numFmtId="3" fontId="15" fillId="0" borderId="29" xfId="2" applyNumberFormat="1" applyFont="1" applyFill="1" applyBorder="1" applyAlignment="1">
      <alignment vertical="center"/>
    </xf>
    <xf numFmtId="3" fontId="15" fillId="0" borderId="28" xfId="2" applyNumberFormat="1" applyFont="1" applyFill="1" applyBorder="1" applyAlignment="1">
      <alignment vertical="center"/>
    </xf>
    <xf numFmtId="188" fontId="15" fillId="0" borderId="0" xfId="4" applyNumberFormat="1" applyFont="1" applyFill="1" applyBorder="1" applyAlignment="1">
      <alignment vertical="center"/>
    </xf>
    <xf numFmtId="188" fontId="15" fillId="0" borderId="6" xfId="4" applyNumberFormat="1" applyFont="1" applyFill="1" applyBorder="1" applyAlignment="1">
      <alignment vertical="center"/>
    </xf>
    <xf numFmtId="3" fontId="15" fillId="0" borderId="34" xfId="2" applyNumberFormat="1" applyFont="1" applyFill="1" applyBorder="1" applyAlignment="1">
      <alignment vertical="center"/>
    </xf>
    <xf numFmtId="3" fontId="15" fillId="0" borderId="26" xfId="2" applyNumberFormat="1" applyFont="1" applyFill="1" applyBorder="1" applyAlignment="1">
      <alignment vertical="center"/>
    </xf>
    <xf numFmtId="3" fontId="15" fillId="0" borderId="27" xfId="2" applyNumberFormat="1" applyFont="1" applyFill="1" applyBorder="1" applyAlignment="1">
      <alignment vertical="center"/>
    </xf>
    <xf numFmtId="3" fontId="15" fillId="0" borderId="27" xfId="2" applyNumberFormat="1" applyFont="1" applyFill="1" applyBorder="1" applyAlignment="1">
      <alignment horizontal="right" vertical="center"/>
    </xf>
    <xf numFmtId="3" fontId="15" fillId="0" borderId="26" xfId="2" applyNumberFormat="1" applyFont="1" applyFill="1" applyBorder="1" applyAlignment="1">
      <alignment horizontal="right" vertical="center"/>
    </xf>
    <xf numFmtId="188" fontId="15" fillId="0" borderId="34" xfId="4" applyNumberFormat="1" applyFont="1" applyFill="1" applyBorder="1" applyAlignment="1">
      <alignment vertical="center"/>
    </xf>
    <xf numFmtId="188" fontId="15" fillId="0" borderId="44" xfId="4" applyNumberFormat="1" applyFont="1" applyFill="1" applyBorder="1" applyAlignment="1">
      <alignment vertical="center"/>
    </xf>
    <xf numFmtId="3" fontId="15" fillId="0" borderId="44" xfId="2" applyNumberFormat="1" applyFont="1" applyFill="1" applyBorder="1" applyAlignment="1">
      <alignment vertical="center"/>
    </xf>
    <xf numFmtId="0" fontId="46" fillId="0" borderId="29" xfId="4" applyFont="1" applyFill="1" applyBorder="1" applyAlignment="1">
      <alignment horizontal="left" vertical="center"/>
    </xf>
    <xf numFmtId="38" fontId="3" fillId="0" borderId="45" xfId="2" applyFont="1" applyFill="1" applyBorder="1" applyAlignment="1">
      <alignment horizontal="right" vertical="center" indent="1"/>
    </xf>
    <xf numFmtId="0" fontId="14" fillId="0" borderId="38" xfId="4" applyFont="1" applyFill="1" applyBorder="1" applyAlignment="1">
      <alignment vertical="center"/>
    </xf>
    <xf numFmtId="3" fontId="15" fillId="0" borderId="45" xfId="2" applyNumberFormat="1" applyFont="1" applyFill="1" applyBorder="1" applyAlignment="1">
      <alignment vertical="center"/>
    </xf>
    <xf numFmtId="3" fontId="15" fillId="0" borderId="38" xfId="2" applyNumberFormat="1" applyFont="1" applyFill="1" applyBorder="1" applyAlignment="1">
      <alignment vertical="center"/>
    </xf>
    <xf numFmtId="3" fontId="15" fillId="0" borderId="39" xfId="2" applyNumberFormat="1" applyFont="1" applyFill="1" applyBorder="1" applyAlignment="1">
      <alignment vertical="center"/>
    </xf>
    <xf numFmtId="3" fontId="15" fillId="0" borderId="46" xfId="2" applyNumberFormat="1" applyFont="1" applyFill="1" applyBorder="1" applyAlignment="1">
      <alignment vertical="center"/>
    </xf>
    <xf numFmtId="3" fontId="15" fillId="0" borderId="39" xfId="2" applyNumberFormat="1" applyFont="1" applyFill="1" applyBorder="1" applyAlignment="1">
      <alignment horizontal="right" vertical="center"/>
    </xf>
    <xf numFmtId="3" fontId="15" fillId="0" borderId="38" xfId="2" applyNumberFormat="1" applyFont="1" applyFill="1" applyBorder="1" applyAlignment="1">
      <alignment horizontal="right" vertical="center"/>
    </xf>
    <xf numFmtId="38" fontId="3" fillId="0" borderId="12" xfId="2" applyFont="1" applyFill="1" applyBorder="1" applyAlignment="1">
      <alignment horizontal="right" vertical="center" indent="1"/>
    </xf>
    <xf numFmtId="3" fontId="15" fillId="0" borderId="12" xfId="2" applyNumberFormat="1" applyFont="1" applyFill="1" applyBorder="1" applyAlignment="1">
      <alignment vertical="center"/>
    </xf>
    <xf numFmtId="3" fontId="15" fillId="0" borderId="11" xfId="2" applyNumberFormat="1" applyFont="1" applyFill="1" applyBorder="1" applyAlignment="1">
      <alignment vertical="center"/>
    </xf>
    <xf numFmtId="3" fontId="15" fillId="0" borderId="16" xfId="2" applyNumberFormat="1" applyFont="1" applyFill="1" applyBorder="1" applyAlignment="1">
      <alignment vertical="center"/>
    </xf>
    <xf numFmtId="188" fontId="15" fillId="0" borderId="12" xfId="4" applyNumberFormat="1" applyFont="1" applyFill="1" applyBorder="1" applyAlignment="1">
      <alignment vertical="center"/>
    </xf>
    <xf numFmtId="188" fontId="15" fillId="0" borderId="13" xfId="4" applyNumberFormat="1" applyFont="1" applyFill="1" applyBorder="1" applyAlignment="1">
      <alignment vertical="center"/>
    </xf>
    <xf numFmtId="0" fontId="3" fillId="0" borderId="0" xfId="4" applyFont="1" applyFill="1" applyAlignment="1">
      <alignment horizontal="left" vertical="center"/>
    </xf>
    <xf numFmtId="38" fontId="7" fillId="0" borderId="0" xfId="4" applyNumberFormat="1" applyFill="1"/>
    <xf numFmtId="0" fontId="7" fillId="0" borderId="12" xfId="4" applyFill="1" applyBorder="1"/>
    <xf numFmtId="0" fontId="49" fillId="0" borderId="12" xfId="4" applyFont="1" applyFill="1" applyBorder="1" applyAlignment="1">
      <alignment horizontal="right"/>
    </xf>
    <xf numFmtId="0" fontId="4" fillId="0" borderId="0" xfId="4" applyFont="1" applyFill="1" applyBorder="1" applyAlignment="1">
      <alignment horizontal="right" indent="1"/>
    </xf>
    <xf numFmtId="38" fontId="12" fillId="0" borderId="0" xfId="2" applyFont="1" applyFill="1" applyBorder="1" applyAlignment="1">
      <alignment horizontal="right" indent="1"/>
    </xf>
    <xf numFmtId="38" fontId="3" fillId="0" borderId="0" xfId="2" applyFont="1" applyFill="1" applyBorder="1" applyAlignment="1">
      <alignment horizontal="right" vertical="center" indent="1"/>
    </xf>
    <xf numFmtId="38" fontId="3" fillId="0" borderId="29" xfId="2" applyFont="1" applyFill="1" applyBorder="1" applyAlignment="1">
      <alignment horizontal="right" vertical="center"/>
    </xf>
    <xf numFmtId="3" fontId="3" fillId="0" borderId="29" xfId="2" applyNumberFormat="1" applyFont="1" applyFill="1" applyBorder="1" applyAlignment="1">
      <alignment vertical="center"/>
    </xf>
    <xf numFmtId="3" fontId="3" fillId="0" borderId="28" xfId="2" applyNumberFormat="1" applyFont="1" applyFill="1" applyBorder="1" applyAlignment="1">
      <alignment vertical="center"/>
    </xf>
    <xf numFmtId="3" fontId="3" fillId="0" borderId="1" xfId="2" applyNumberFormat="1" applyFont="1" applyFill="1" applyBorder="1" applyAlignment="1">
      <alignment vertical="center"/>
    </xf>
    <xf numFmtId="0" fontId="4" fillId="0" borderId="0" xfId="4" applyFont="1" applyFill="1" applyAlignment="1">
      <alignment horizontal="left" vertical="center"/>
    </xf>
    <xf numFmtId="38" fontId="46" fillId="0" borderId="5" xfId="2" applyNumberFormat="1" applyFont="1" applyFill="1" applyBorder="1" applyAlignment="1">
      <alignment horizontal="right" vertical="center"/>
    </xf>
    <xf numFmtId="3" fontId="46" fillId="0" borderId="5" xfId="2" applyNumberFormat="1" applyFont="1" applyFill="1" applyBorder="1" applyAlignment="1">
      <alignment horizontal="right" vertical="center"/>
    </xf>
    <xf numFmtId="38" fontId="47" fillId="0" borderId="5" xfId="2" applyFont="1" applyFill="1" applyBorder="1" applyAlignment="1">
      <alignment horizontal="right" vertical="center"/>
    </xf>
    <xf numFmtId="3" fontId="47" fillId="0" borderId="5" xfId="2" applyNumberFormat="1" applyFont="1" applyFill="1" applyBorder="1" applyAlignment="1">
      <alignment vertical="center"/>
    </xf>
    <xf numFmtId="0" fontId="28" fillId="0" borderId="1" xfId="4" applyFont="1" applyFill="1" applyBorder="1" applyAlignment="1">
      <alignment horizontal="left" vertical="center"/>
    </xf>
    <xf numFmtId="3" fontId="47" fillId="0" borderId="5" xfId="2" applyNumberFormat="1" applyFont="1" applyFill="1" applyBorder="1" applyAlignment="1">
      <alignment horizontal="right" vertical="center"/>
    </xf>
    <xf numFmtId="38" fontId="47" fillId="0" borderId="26" xfId="2" applyFont="1" applyFill="1" applyBorder="1" applyAlignment="1">
      <alignment horizontal="right" vertical="center"/>
    </xf>
    <xf numFmtId="0" fontId="28" fillId="0" borderId="26" xfId="4" applyFont="1" applyFill="1" applyBorder="1" applyAlignment="1">
      <alignment horizontal="left" vertical="center"/>
    </xf>
    <xf numFmtId="3" fontId="47" fillId="0" borderId="27" xfId="2" applyNumberFormat="1" applyFont="1" applyFill="1" applyBorder="1" applyAlignment="1">
      <alignment horizontal="right" vertical="center"/>
    </xf>
    <xf numFmtId="3" fontId="47" fillId="0" borderId="29" xfId="2" applyNumberFormat="1" applyFont="1" applyFill="1" applyBorder="1" applyAlignment="1">
      <alignment vertical="center"/>
    </xf>
    <xf numFmtId="38" fontId="47" fillId="0" borderId="29" xfId="2" applyFont="1" applyFill="1" applyBorder="1" applyAlignment="1">
      <alignment horizontal="right" vertical="center"/>
    </xf>
    <xf numFmtId="0" fontId="28" fillId="0" borderId="29" xfId="4" applyFont="1" applyFill="1" applyBorder="1" applyAlignment="1">
      <alignment horizontal="left" vertical="center"/>
    </xf>
    <xf numFmtId="38" fontId="47" fillId="0" borderId="8" xfId="2" applyFont="1" applyFill="1" applyBorder="1" applyAlignment="1">
      <alignment horizontal="right" vertical="center"/>
    </xf>
    <xf numFmtId="0" fontId="28" fillId="0" borderId="38" xfId="4" applyFont="1" applyFill="1" applyBorder="1" applyAlignment="1">
      <alignment vertical="center"/>
    </xf>
    <xf numFmtId="3" fontId="47" fillId="0" borderId="39" xfId="2" applyNumberFormat="1" applyFont="1" applyFill="1" applyBorder="1" applyAlignment="1">
      <alignment vertical="center"/>
    </xf>
    <xf numFmtId="3" fontId="47" fillId="0" borderId="39" xfId="2" applyNumberFormat="1" applyFont="1" applyFill="1" applyBorder="1" applyAlignment="1">
      <alignment horizontal="right" vertical="center"/>
    </xf>
    <xf numFmtId="38" fontId="47" fillId="0" borderId="3" xfId="2" applyFont="1" applyFill="1" applyBorder="1" applyAlignment="1">
      <alignment horizontal="right" vertical="center"/>
    </xf>
    <xf numFmtId="3" fontId="47" fillId="0" borderId="3" xfId="2" applyNumberFormat="1" applyFont="1" applyFill="1" applyBorder="1" applyAlignment="1">
      <alignment vertical="center"/>
    </xf>
    <xf numFmtId="3" fontId="47" fillId="0" borderId="4" xfId="2" applyNumberFormat="1" applyFont="1" applyFill="1" applyBorder="1" applyAlignment="1">
      <alignment vertical="center"/>
    </xf>
    <xf numFmtId="3" fontId="47" fillId="0" borderId="1" xfId="2" applyNumberFormat="1" applyFont="1" applyFill="1" applyBorder="1" applyAlignment="1">
      <alignment horizontal="right" vertical="center"/>
    </xf>
    <xf numFmtId="38" fontId="47" fillId="0" borderId="16" xfId="2" applyFont="1" applyFill="1" applyBorder="1" applyAlignment="1">
      <alignment horizontal="right" vertical="center"/>
    </xf>
    <xf numFmtId="3" fontId="47" fillId="0" borderId="16" xfId="2" applyNumberFormat="1" applyFont="1" applyFill="1" applyBorder="1" applyAlignment="1">
      <alignment vertical="center"/>
    </xf>
    <xf numFmtId="3" fontId="47" fillId="0" borderId="11" xfId="2" applyNumberFormat="1" applyFont="1" applyFill="1" applyBorder="1" applyAlignment="1">
      <alignment horizontal="right" vertical="center"/>
    </xf>
    <xf numFmtId="0" fontId="8" fillId="0" borderId="0" xfId="4" applyFont="1" applyFill="1" applyAlignment="1">
      <alignment horizontal="left" vertical="center"/>
    </xf>
    <xf numFmtId="0" fontId="4" fillId="0" borderId="12" xfId="5" applyFill="1" applyBorder="1"/>
    <xf numFmtId="0" fontId="18" fillId="0" borderId="12" xfId="5" applyFont="1" applyFill="1" applyBorder="1"/>
    <xf numFmtId="0" fontId="41" fillId="0" borderId="12" xfId="5" applyFont="1" applyFill="1" applyBorder="1" applyAlignment="1">
      <alignment horizontal="right"/>
    </xf>
    <xf numFmtId="181" fontId="4" fillId="0" borderId="0" xfId="5" applyNumberFormat="1" applyFont="1" applyFill="1"/>
    <xf numFmtId="0" fontId="9" fillId="0" borderId="3" xfId="5" applyFont="1" applyFill="1" applyBorder="1" applyAlignment="1">
      <alignment horizontal="center" vertical="center"/>
    </xf>
    <xf numFmtId="0" fontId="9" fillId="0" borderId="5" xfId="5" applyFont="1" applyFill="1" applyBorder="1" applyAlignment="1">
      <alignment horizontal="center" vertical="center"/>
    </xf>
    <xf numFmtId="0" fontId="9" fillId="0" borderId="1" xfId="5" applyFont="1" applyFill="1" applyBorder="1" applyAlignment="1">
      <alignment horizontal="center" vertical="center"/>
    </xf>
    <xf numFmtId="0" fontId="9" fillId="0" borderId="9" xfId="5" applyFont="1" applyFill="1" applyBorder="1" applyAlignment="1">
      <alignment horizontal="center" vertical="center"/>
    </xf>
    <xf numFmtId="0" fontId="9" fillId="0" borderId="22" xfId="5" applyFont="1" applyFill="1" applyBorder="1" applyAlignment="1">
      <alignment horizontal="center" vertical="center"/>
    </xf>
    <xf numFmtId="0" fontId="9" fillId="0" borderId="8" xfId="5" applyFont="1" applyFill="1" applyBorder="1" applyAlignment="1">
      <alignment horizontal="center" vertical="center"/>
    </xf>
    <xf numFmtId="0" fontId="41" fillId="0" borderId="5" xfId="5" applyFont="1" applyFill="1" applyBorder="1" applyAlignment="1">
      <alignment horizontal="right"/>
    </xf>
    <xf numFmtId="0" fontId="41" fillId="0" borderId="3" xfId="5" applyFont="1" applyFill="1" applyBorder="1" applyAlignment="1">
      <alignment horizontal="right"/>
    </xf>
    <xf numFmtId="0" fontId="41" fillId="0" borderId="0" xfId="5" applyFont="1" applyFill="1" applyAlignment="1">
      <alignment horizontal="right"/>
    </xf>
    <xf numFmtId="0" fontId="41" fillId="0" borderId="1" xfId="5" applyFont="1" applyFill="1" applyBorder="1" applyAlignment="1">
      <alignment horizontal="right"/>
    </xf>
    <xf numFmtId="0" fontId="9" fillId="0" borderId="0" xfId="5" applyFont="1" applyFill="1" applyAlignment="1">
      <alignment horizontal="center" vertical="center"/>
    </xf>
    <xf numFmtId="182" fontId="8" fillId="0" borderId="1" xfId="1" applyNumberFormat="1" applyFont="1" applyFill="1" applyBorder="1" applyAlignment="1">
      <alignment horizontal="right" vertical="center"/>
    </xf>
    <xf numFmtId="0" fontId="9" fillId="0" borderId="0" xfId="5" quotePrefix="1" applyFont="1" applyFill="1" applyAlignment="1">
      <alignment horizontal="center" vertical="center"/>
    </xf>
    <xf numFmtId="0" fontId="8" fillId="0" borderId="0" xfId="5" applyFont="1" applyFill="1" applyAlignment="1">
      <alignment horizontal="right" vertical="center"/>
    </xf>
    <xf numFmtId="0" fontId="8" fillId="0" borderId="15" xfId="5" applyFont="1" applyFill="1" applyBorder="1" applyAlignment="1">
      <alignment horizontal="right"/>
    </xf>
    <xf numFmtId="0" fontId="8" fillId="0" borderId="15" xfId="5" applyFont="1" applyFill="1" applyBorder="1" applyAlignment="1"/>
    <xf numFmtId="0" fontId="9" fillId="0" borderId="0" xfId="5" applyFont="1" applyFill="1"/>
    <xf numFmtId="0" fontId="9" fillId="0" borderId="0" xfId="5" applyFont="1" applyFill="1" applyAlignment="1">
      <alignment vertical="center" wrapText="1"/>
    </xf>
    <xf numFmtId="0" fontId="13" fillId="0" borderId="0" xfId="4" applyFont="1" applyFill="1" applyAlignment="1">
      <alignment horizontal="left" vertical="center"/>
    </xf>
    <xf numFmtId="3" fontId="4" fillId="0" borderId="0" xfId="4" applyNumberFormat="1" applyFont="1" applyFill="1" applyAlignment="1">
      <alignment horizontal="left" vertical="center"/>
    </xf>
    <xf numFmtId="0" fontId="29" fillId="0" borderId="15" xfId="4" applyFont="1" applyFill="1" applyBorder="1" applyAlignment="1">
      <alignment vertical="center"/>
    </xf>
    <xf numFmtId="0" fontId="3" fillId="0" borderId="0" xfId="4" applyFont="1" applyFill="1" applyAlignment="1">
      <alignment vertical="center"/>
    </xf>
    <xf numFmtId="0" fontId="7" fillId="0" borderId="0" xfId="4" applyFill="1" applyAlignment="1">
      <alignment vertical="center"/>
    </xf>
    <xf numFmtId="3" fontId="14" fillId="0" borderId="8" xfId="4" applyNumberFormat="1" applyFont="1" applyFill="1" applyBorder="1" applyAlignment="1">
      <alignment horizontal="center" vertical="center"/>
    </xf>
    <xf numFmtId="3" fontId="14" fillId="0" borderId="10" xfId="4" applyNumberFormat="1" applyFont="1" applyFill="1" applyBorder="1" applyAlignment="1">
      <alignment horizontal="center" vertical="center"/>
    </xf>
    <xf numFmtId="0" fontId="14" fillId="0" borderId="10" xfId="4" applyFont="1" applyFill="1" applyBorder="1" applyAlignment="1">
      <alignment horizontal="center" vertical="center"/>
    </xf>
    <xf numFmtId="0" fontId="14" fillId="0" borderId="8" xfId="4" applyFont="1" applyFill="1" applyBorder="1" applyAlignment="1">
      <alignment horizontal="center" vertical="center"/>
    </xf>
    <xf numFmtId="0" fontId="14" fillId="0" borderId="41" xfId="4" applyFont="1" applyFill="1" applyBorder="1" applyAlignment="1">
      <alignment horizontal="center" vertical="center"/>
    </xf>
    <xf numFmtId="0" fontId="14" fillId="0" borderId="9" xfId="4" applyFont="1" applyFill="1" applyBorder="1" applyAlignment="1">
      <alignment horizontal="center" vertical="center"/>
    </xf>
    <xf numFmtId="0" fontId="14" fillId="0" borderId="22" xfId="4" applyFont="1" applyFill="1" applyBorder="1" applyAlignment="1">
      <alignment horizontal="center" vertical="center"/>
    </xf>
    <xf numFmtId="0" fontId="31" fillId="0" borderId="0" xfId="4" applyFont="1" applyFill="1" applyAlignment="1">
      <alignment horizontal="center"/>
    </xf>
    <xf numFmtId="3" fontId="9" fillId="0" borderId="1" xfId="4" applyNumberFormat="1" applyFont="1" applyFill="1" applyBorder="1" applyAlignment="1">
      <alignment horizontal="right" vertical="center"/>
    </xf>
    <xf numFmtId="3" fontId="9" fillId="0" borderId="0" xfId="4" applyNumberFormat="1" applyFont="1" applyFill="1" applyBorder="1" applyAlignment="1">
      <alignment horizontal="right" vertical="center"/>
    </xf>
    <xf numFmtId="3" fontId="9" fillId="0" borderId="6" xfId="4" applyNumberFormat="1" applyFont="1" applyFill="1" applyBorder="1" applyAlignment="1">
      <alignment horizontal="right" vertical="center"/>
    </xf>
    <xf numFmtId="0" fontId="9" fillId="0" borderId="6" xfId="4" applyFont="1" applyFill="1" applyBorder="1" applyAlignment="1">
      <alignment horizontal="right" vertical="center"/>
    </xf>
    <xf numFmtId="0" fontId="9" fillId="0" borderId="1" xfId="4" applyFont="1" applyFill="1" applyBorder="1" applyAlignment="1">
      <alignment horizontal="right" vertical="center"/>
    </xf>
    <xf numFmtId="0" fontId="9" fillId="0" borderId="42" xfId="4" applyFont="1" applyFill="1" applyBorder="1" applyAlignment="1">
      <alignment horizontal="right" vertical="center"/>
    </xf>
    <xf numFmtId="0" fontId="9" fillId="0" borderId="5" xfId="4" applyFont="1" applyFill="1" applyBorder="1" applyAlignment="1">
      <alignment horizontal="right" vertical="center"/>
    </xf>
    <xf numFmtId="0" fontId="9" fillId="0" borderId="0" xfId="4" applyFont="1" applyFill="1"/>
    <xf numFmtId="0" fontId="33" fillId="0" borderId="0" xfId="4" applyFont="1" applyFill="1"/>
    <xf numFmtId="178" fontId="14" fillId="0" borderId="6" xfId="4" applyNumberFormat="1" applyFont="1" applyFill="1" applyBorder="1" applyAlignment="1" applyProtection="1">
      <alignment horizontal="right" vertical="center"/>
    </xf>
    <xf numFmtId="178" fontId="14" fillId="0" borderId="42" xfId="4" applyNumberFormat="1" applyFont="1" applyFill="1" applyBorder="1" applyAlignment="1" applyProtection="1">
      <alignment horizontal="right" vertical="center"/>
    </xf>
    <xf numFmtId="180" fontId="14" fillId="0" borderId="1" xfId="4" applyNumberFormat="1" applyFont="1" applyFill="1" applyBorder="1" applyAlignment="1">
      <alignment horizontal="right" vertical="center"/>
    </xf>
    <xf numFmtId="180" fontId="14" fillId="0" borderId="42" xfId="4" applyNumberFormat="1" applyFont="1" applyFill="1" applyBorder="1" applyAlignment="1">
      <alignment horizontal="right" vertical="center"/>
    </xf>
    <xf numFmtId="2" fontId="14" fillId="0" borderId="0" xfId="4" applyNumberFormat="1" applyFont="1" applyFill="1" applyBorder="1" applyAlignment="1" applyProtection="1">
      <alignment horizontal="right" vertical="center"/>
    </xf>
    <xf numFmtId="180" fontId="14" fillId="0" borderId="5" xfId="4" applyNumberFormat="1" applyFont="1" applyFill="1" applyBorder="1" applyAlignment="1" applyProtection="1">
      <alignment horizontal="right" vertical="center"/>
    </xf>
    <xf numFmtId="3" fontId="14" fillId="0" borderId="6" xfId="2" applyNumberFormat="1" applyFont="1" applyFill="1" applyBorder="1" applyAlignment="1" applyProtection="1">
      <alignment horizontal="right" vertical="center"/>
    </xf>
    <xf numFmtId="3" fontId="14" fillId="0" borderId="1" xfId="2" applyNumberFormat="1" applyFont="1" applyFill="1" applyBorder="1" applyAlignment="1" applyProtection="1">
      <alignment horizontal="right" vertical="center"/>
    </xf>
    <xf numFmtId="0" fontId="12" fillId="0" borderId="0" xfId="4" applyFont="1" applyFill="1"/>
    <xf numFmtId="0" fontId="36" fillId="0" borderId="0" xfId="4" applyFont="1" applyFill="1"/>
    <xf numFmtId="178" fontId="14" fillId="0" borderId="6" xfId="4" applyNumberFormat="1" applyFont="1" applyFill="1" applyBorder="1" applyAlignment="1">
      <alignment horizontal="right" vertical="center"/>
    </xf>
    <xf numFmtId="178" fontId="14" fillId="0" borderId="42" xfId="4" applyNumberFormat="1" applyFont="1" applyFill="1" applyBorder="1" applyAlignment="1">
      <alignment horizontal="right" vertical="center"/>
    </xf>
    <xf numFmtId="2" fontId="14" fillId="0" borderId="0" xfId="4" applyNumberFormat="1" applyFont="1" applyFill="1" applyBorder="1" applyAlignment="1">
      <alignment horizontal="right" vertical="center"/>
    </xf>
    <xf numFmtId="180" fontId="14" fillId="0" borderId="5" xfId="4" applyNumberFormat="1" applyFont="1" applyFill="1" applyBorder="1" applyAlignment="1">
      <alignment horizontal="right" vertical="center"/>
    </xf>
    <xf numFmtId="0" fontId="40" fillId="0" borderId="0" xfId="4" applyFont="1" applyFill="1"/>
    <xf numFmtId="0" fontId="3" fillId="0" borderId="0" xfId="0" applyFont="1" applyFill="1" applyAlignment="1">
      <alignment horizontal="right"/>
    </xf>
    <xf numFmtId="0" fontId="22" fillId="0" borderId="0" xfId="0" applyFont="1" applyFill="1"/>
    <xf numFmtId="0" fontId="23" fillId="0" borderId="0" xfId="0" applyFont="1" applyFill="1"/>
    <xf numFmtId="0" fontId="4" fillId="0" borderId="20" xfId="0" applyFont="1" applyFill="1" applyBorder="1" applyAlignment="1">
      <alignment horizontal="center" vertical="center"/>
    </xf>
    <xf numFmtId="0" fontId="4" fillId="0" borderId="37" xfId="0" applyFont="1" applyFill="1" applyBorder="1" applyAlignment="1">
      <alignment horizontal="center" vertical="center"/>
    </xf>
    <xf numFmtId="0" fontId="4" fillId="0" borderId="21" xfId="0" applyFont="1" applyFill="1" applyBorder="1" applyAlignment="1">
      <alignment horizontal="center" vertical="center"/>
    </xf>
    <xf numFmtId="0" fontId="3" fillId="0" borderId="6" xfId="0" applyFont="1" applyFill="1" applyBorder="1" applyAlignment="1">
      <alignment horizontal="center" vertical="center"/>
    </xf>
    <xf numFmtId="0" fontId="3" fillId="0" borderId="5" xfId="0" applyFont="1" applyFill="1" applyBorder="1" applyAlignment="1">
      <alignment horizontal="center" vertical="center"/>
    </xf>
    <xf numFmtId="0" fontId="3" fillId="0" borderId="0" xfId="0" applyFont="1" applyFill="1" applyAlignment="1">
      <alignment horizontal="distributed" vertical="center" shrinkToFit="1"/>
    </xf>
    <xf numFmtId="0" fontId="3" fillId="0" borderId="11" xfId="0" applyFont="1" applyFill="1" applyBorder="1" applyAlignment="1">
      <alignment horizontal="distributed" vertical="center" shrinkToFit="1"/>
    </xf>
    <xf numFmtId="177" fontId="3" fillId="0" borderId="11" xfId="0" applyNumberFormat="1" applyFont="1" applyFill="1" applyBorder="1" applyAlignment="1">
      <alignment horizontal="center" vertical="center"/>
    </xf>
    <xf numFmtId="0" fontId="25" fillId="0" borderId="16" xfId="0" applyFont="1" applyFill="1" applyBorder="1" applyAlignment="1">
      <alignment horizontal="center" vertical="center"/>
    </xf>
    <xf numFmtId="177" fontId="3" fillId="0" borderId="0" xfId="0" applyNumberFormat="1" applyFont="1" applyFill="1" applyBorder="1" applyAlignment="1">
      <alignment horizontal="center" vertical="center"/>
    </xf>
    <xf numFmtId="0" fontId="3" fillId="0" borderId="16" xfId="0" applyFont="1" applyFill="1" applyBorder="1" applyAlignment="1">
      <alignment horizontal="center"/>
    </xf>
    <xf numFmtId="0" fontId="3" fillId="0" borderId="15" xfId="0" applyFont="1" applyFill="1" applyBorder="1" applyAlignment="1">
      <alignment horizontal="center"/>
    </xf>
    <xf numFmtId="0" fontId="3" fillId="0" borderId="0" xfId="0" applyFont="1" applyFill="1" applyBorder="1"/>
    <xf numFmtId="0" fontId="3" fillId="0" borderId="0" xfId="0" applyFont="1" applyFill="1" applyBorder="1" applyAlignment="1">
      <alignment horizontal="distributed" vertical="center"/>
    </xf>
    <xf numFmtId="0" fontId="25" fillId="0" borderId="0" xfId="0" applyFont="1" applyFill="1" applyBorder="1" applyAlignment="1">
      <alignment horizontal="center" vertical="center"/>
    </xf>
    <xf numFmtId="0" fontId="3" fillId="0" borderId="11" xfId="0" applyFont="1" applyFill="1" applyBorder="1" applyAlignment="1">
      <alignment horizontal="distributed" vertical="center"/>
    </xf>
    <xf numFmtId="183" fontId="3" fillId="0" borderId="1" xfId="0" applyNumberFormat="1" applyFont="1" applyFill="1" applyBorder="1" applyAlignment="1">
      <alignment horizontal="center" vertical="center"/>
    </xf>
    <xf numFmtId="183" fontId="3" fillId="0" borderId="0" xfId="0" applyNumberFormat="1" applyFont="1" applyFill="1" applyBorder="1" applyAlignment="1">
      <alignment horizontal="center"/>
    </xf>
    <xf numFmtId="183" fontId="3" fillId="0" borderId="0" xfId="0" applyNumberFormat="1" applyFont="1" applyFill="1" applyAlignment="1">
      <alignment horizontal="center"/>
    </xf>
    <xf numFmtId="183" fontId="3" fillId="0" borderId="11" xfId="0" applyNumberFormat="1" applyFont="1" applyFill="1" applyBorder="1" applyAlignment="1">
      <alignment horizontal="center" vertical="center"/>
    </xf>
    <xf numFmtId="0" fontId="3" fillId="0" borderId="12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 shrinkToFit="1"/>
    </xf>
    <xf numFmtId="183" fontId="3" fillId="0" borderId="0" xfId="0" applyNumberFormat="1" applyFont="1" applyFill="1" applyBorder="1" applyAlignment="1">
      <alignment horizontal="center" vertical="center"/>
    </xf>
    <xf numFmtId="183" fontId="3" fillId="0" borderId="15" xfId="0" applyNumberFormat="1" applyFont="1" applyFill="1" applyBorder="1" applyAlignment="1">
      <alignment horizontal="center" vertical="center"/>
    </xf>
    <xf numFmtId="0" fontId="4" fillId="0" borderId="0" xfId="0" applyFont="1" applyFill="1" applyAlignment="1">
      <alignment horizontal="left" vertical="center" wrapText="1"/>
    </xf>
    <xf numFmtId="0" fontId="13" fillId="0" borderId="0" xfId="4" applyFont="1" applyFill="1"/>
    <xf numFmtId="0" fontId="3" fillId="0" borderId="0" xfId="4" applyFont="1" applyFill="1" applyAlignment="1">
      <alignment horizontal="center"/>
    </xf>
    <xf numFmtId="0" fontId="19" fillId="0" borderId="0" xfId="4" applyFont="1" applyFill="1"/>
    <xf numFmtId="0" fontId="4" fillId="0" borderId="5" xfId="4" applyFont="1" applyFill="1" applyBorder="1" applyAlignment="1">
      <alignment horizontal="center"/>
    </xf>
    <xf numFmtId="0" fontId="4" fillId="0" borderId="27" xfId="4" applyFont="1" applyFill="1" applyBorder="1" applyAlignment="1">
      <alignment horizontal="center"/>
    </xf>
    <xf numFmtId="38" fontId="4" fillId="0" borderId="29" xfId="4" applyNumberFormat="1" applyFont="1" applyFill="1" applyBorder="1"/>
    <xf numFmtId="38" fontId="4" fillId="0" borderId="1" xfId="4" applyNumberFormat="1" applyFont="1" applyFill="1" applyBorder="1"/>
    <xf numFmtId="38" fontId="4" fillId="0" borderId="26" xfId="4" applyNumberFormat="1" applyFont="1" applyFill="1" applyBorder="1"/>
    <xf numFmtId="38" fontId="4" fillId="0" borderId="34" xfId="4" applyNumberFormat="1" applyFont="1" applyFill="1" applyBorder="1"/>
    <xf numFmtId="0" fontId="4" fillId="0" borderId="31" xfId="4" applyFont="1" applyFill="1" applyBorder="1" applyAlignment="1">
      <alignment horizontal="center"/>
    </xf>
    <xf numFmtId="38" fontId="4" fillId="0" borderId="31" xfId="4" applyNumberFormat="1" applyFont="1" applyFill="1" applyBorder="1"/>
    <xf numFmtId="38" fontId="4" fillId="0" borderId="30" xfId="4" applyNumberFormat="1" applyFont="1" applyFill="1" applyBorder="1"/>
    <xf numFmtId="0" fontId="4" fillId="0" borderId="15" xfId="4" applyFont="1" applyFill="1" applyBorder="1" applyAlignment="1">
      <alignment horizontal="center"/>
    </xf>
    <xf numFmtId="0" fontId="4" fillId="0" borderId="14" xfId="4" applyFont="1" applyFill="1" applyBorder="1" applyAlignment="1">
      <alignment horizontal="center" vertical="center"/>
    </xf>
    <xf numFmtId="0" fontId="4" fillId="0" borderId="14" xfId="4" applyFont="1" applyFill="1" applyBorder="1" applyAlignment="1">
      <alignment horizontal="right"/>
    </xf>
    <xf numFmtId="0" fontId="4" fillId="0" borderId="18" xfId="4" applyFont="1" applyFill="1" applyBorder="1" applyAlignment="1">
      <alignment horizontal="right"/>
    </xf>
    <xf numFmtId="0" fontId="4" fillId="0" borderId="1" xfId="4" applyFont="1" applyFill="1" applyBorder="1" applyAlignment="1">
      <alignment horizontal="center" vertical="center"/>
    </xf>
    <xf numFmtId="38" fontId="14" fillId="0" borderId="1" xfId="2" applyFont="1" applyFill="1" applyBorder="1" applyAlignment="1">
      <alignment horizontal="right" vertical="center"/>
    </xf>
    <xf numFmtId="38" fontId="14" fillId="0" borderId="5" xfId="2" applyFont="1" applyFill="1" applyBorder="1" applyAlignment="1">
      <alignment horizontal="right" vertical="center"/>
    </xf>
    <xf numFmtId="0" fontId="4" fillId="0" borderId="26" xfId="4" applyFont="1" applyFill="1" applyBorder="1" applyAlignment="1">
      <alignment horizontal="center"/>
    </xf>
    <xf numFmtId="38" fontId="4" fillId="0" borderId="29" xfId="4" applyNumberFormat="1" applyFont="1" applyFill="1" applyBorder="1" applyAlignment="1">
      <alignment horizontal="right"/>
    </xf>
    <xf numFmtId="38" fontId="4" fillId="0" borderId="28" xfId="4" applyNumberFormat="1" applyFont="1" applyFill="1" applyBorder="1"/>
    <xf numFmtId="38" fontId="4" fillId="0" borderId="1" xfId="4" applyNumberFormat="1" applyFont="1" applyFill="1" applyBorder="1" applyAlignment="1">
      <alignment horizontal="right"/>
    </xf>
    <xf numFmtId="38" fontId="4" fillId="0" borderId="5" xfId="4" applyNumberFormat="1" applyFont="1" applyFill="1" applyBorder="1"/>
    <xf numFmtId="38" fontId="4" fillId="0" borderId="33" xfId="4" applyNumberFormat="1" applyFont="1" applyFill="1" applyBorder="1"/>
    <xf numFmtId="38" fontId="4" fillId="0" borderId="1" xfId="4" quotePrefix="1" applyNumberFormat="1" applyFont="1" applyFill="1" applyBorder="1" applyAlignment="1">
      <alignment horizontal="right"/>
    </xf>
    <xf numFmtId="38" fontId="4" fillId="0" borderId="0" xfId="4" applyNumberFormat="1" applyFont="1" applyFill="1"/>
    <xf numFmtId="0" fontId="13" fillId="0" borderId="12" xfId="4" applyFont="1" applyFill="1" applyBorder="1"/>
    <xf numFmtId="0" fontId="3" fillId="0" borderId="12" xfId="4" applyFont="1" applyFill="1" applyBorder="1" applyAlignment="1">
      <alignment horizontal="center"/>
    </xf>
    <xf numFmtId="38" fontId="15" fillId="0" borderId="0" xfId="4" applyNumberFormat="1" applyFont="1" applyFill="1"/>
    <xf numFmtId="0" fontId="14" fillId="0" borderId="0" xfId="4" applyFont="1" applyFill="1" applyBorder="1" applyAlignment="1">
      <alignment horizontal="center"/>
    </xf>
    <xf numFmtId="0" fontId="4" fillId="0" borderId="16" xfId="4" applyFont="1" applyFill="1" applyBorder="1" applyAlignment="1">
      <alignment horizontal="center"/>
    </xf>
    <xf numFmtId="38" fontId="4" fillId="0" borderId="16" xfId="4" applyNumberFormat="1" applyFont="1" applyFill="1" applyBorder="1"/>
    <xf numFmtId="38" fontId="4" fillId="0" borderId="5" xfId="2" applyFont="1" applyFill="1" applyBorder="1"/>
    <xf numFmtId="0" fontId="21" fillId="0" borderId="0" xfId="4" applyFont="1" applyFill="1"/>
    <xf numFmtId="38" fontId="4" fillId="0" borderId="27" xfId="2" applyFont="1" applyFill="1" applyBorder="1"/>
    <xf numFmtId="38" fontId="4" fillId="0" borderId="28" xfId="2" applyFont="1" applyFill="1" applyBorder="1"/>
    <xf numFmtId="0" fontId="13" fillId="0" borderId="12" xfId="0" applyFont="1" applyFill="1" applyBorder="1" applyAlignment="1">
      <alignment vertical="center"/>
    </xf>
    <xf numFmtId="0" fontId="14" fillId="0" borderId="12" xfId="0" applyFont="1" applyFill="1" applyBorder="1" applyAlignment="1">
      <alignment vertical="center"/>
    </xf>
    <xf numFmtId="0" fontId="8" fillId="0" borderId="3" xfId="0" applyFont="1" applyFill="1" applyBorder="1" applyAlignment="1">
      <alignment horizontal="center"/>
    </xf>
    <xf numFmtId="0" fontId="8" fillId="0" borderId="4" xfId="0" applyFont="1" applyFill="1" applyBorder="1" applyAlignment="1">
      <alignment horizontal="center"/>
    </xf>
    <xf numFmtId="0" fontId="8" fillId="0" borderId="1" xfId="0" applyFont="1" applyFill="1" applyBorder="1"/>
    <xf numFmtId="0" fontId="8" fillId="0" borderId="1" xfId="0" applyFont="1" applyFill="1" applyBorder="1" applyAlignment="1">
      <alignment horizontal="center"/>
    </xf>
    <xf numFmtId="0" fontId="8" fillId="0" borderId="5" xfId="0" applyFont="1" applyFill="1" applyBorder="1"/>
    <xf numFmtId="0" fontId="4" fillId="0" borderId="4" xfId="0" applyFont="1" applyFill="1" applyBorder="1" applyAlignment="1">
      <alignment horizontal="right"/>
    </xf>
    <xf numFmtId="0" fontId="4" fillId="0" borderId="0" xfId="0" applyFont="1" applyFill="1" applyBorder="1" applyAlignment="1">
      <alignment horizontal="distributed" wrapText="1"/>
    </xf>
    <xf numFmtId="2" fontId="14" fillId="0" borderId="1" xfId="0" applyNumberFormat="1" applyFont="1" applyFill="1" applyBorder="1"/>
    <xf numFmtId="183" fontId="14" fillId="0" borderId="1" xfId="0" applyNumberFormat="1" applyFont="1" applyFill="1" applyBorder="1"/>
    <xf numFmtId="0" fontId="14" fillId="0" borderId="1" xfId="0" applyFont="1" applyFill="1" applyBorder="1"/>
    <xf numFmtId="183" fontId="14" fillId="0" borderId="5" xfId="0" applyNumberFormat="1" applyFont="1" applyFill="1" applyBorder="1"/>
    <xf numFmtId="0" fontId="14" fillId="0" borderId="0" xfId="0" applyFont="1" applyFill="1"/>
    <xf numFmtId="0" fontId="4" fillId="0" borderId="1" xfId="0" applyFont="1" applyFill="1" applyBorder="1"/>
    <xf numFmtId="0" fontId="4" fillId="0" borderId="5" xfId="0" applyFont="1" applyFill="1" applyBorder="1"/>
    <xf numFmtId="185" fontId="4" fillId="0" borderId="1" xfId="0" applyNumberFormat="1" applyFont="1" applyFill="1" applyBorder="1"/>
    <xf numFmtId="183" fontId="4" fillId="0" borderId="1" xfId="0" applyNumberFormat="1" applyFont="1" applyFill="1" applyBorder="1"/>
    <xf numFmtId="185" fontId="4" fillId="0" borderId="1" xfId="0" applyNumberFormat="1" applyFont="1" applyFill="1" applyBorder="1" applyAlignment="1">
      <alignment horizontal="right"/>
    </xf>
    <xf numFmtId="185" fontId="4" fillId="0" borderId="5" xfId="0" applyNumberFormat="1" applyFont="1" applyFill="1" applyBorder="1" applyAlignment="1">
      <alignment horizontal="right"/>
    </xf>
    <xf numFmtId="183" fontId="9" fillId="0" borderId="0" xfId="0" applyNumberFormat="1" applyFont="1" applyFill="1" applyBorder="1"/>
    <xf numFmtId="183" fontId="4" fillId="0" borderId="5" xfId="0" applyNumberFormat="1" applyFont="1" applyFill="1" applyBorder="1"/>
    <xf numFmtId="0" fontId="4" fillId="0" borderId="12" xfId="0" applyFont="1" applyFill="1" applyBorder="1" applyAlignment="1">
      <alignment horizontal="distributed"/>
    </xf>
    <xf numFmtId="185" fontId="4" fillId="0" borderId="11" xfId="0" applyNumberFormat="1" applyFont="1" applyFill="1" applyBorder="1"/>
    <xf numFmtId="183" fontId="4" fillId="0" borderId="11" xfId="0" applyNumberFormat="1" applyFont="1" applyFill="1" applyBorder="1"/>
    <xf numFmtId="183" fontId="4" fillId="0" borderId="16" xfId="0" applyNumberFormat="1" applyFont="1" applyFill="1" applyBorder="1"/>
    <xf numFmtId="0" fontId="17" fillId="0" borderId="0" xfId="0" applyFont="1" applyFill="1"/>
    <xf numFmtId="0" fontId="16" fillId="0" borderId="12" xfId="0" applyFont="1" applyFill="1" applyBorder="1" applyAlignment="1">
      <alignment horizontal="left" vertical="center"/>
    </xf>
    <xf numFmtId="0" fontId="3" fillId="0" borderId="0" xfId="0" applyFont="1" applyFill="1" applyAlignment="1"/>
    <xf numFmtId="0" fontId="4" fillId="0" borderId="0" xfId="0" applyFont="1" applyFill="1" applyAlignment="1">
      <alignment horizontal="distributed"/>
    </xf>
    <xf numFmtId="0" fontId="4" fillId="0" borderId="9" xfId="0" applyFont="1" applyFill="1" applyBorder="1"/>
    <xf numFmtId="0" fontId="4" fillId="0" borderId="9" xfId="0" applyFont="1" applyFill="1" applyBorder="1" applyAlignment="1">
      <alignment horizontal="center"/>
    </xf>
    <xf numFmtId="0" fontId="4" fillId="0" borderId="7" xfId="0" applyFont="1" applyFill="1" applyBorder="1" applyAlignment="1">
      <alignment horizontal="center" vertical="top" textRotation="255"/>
    </xf>
    <xf numFmtId="0" fontId="8" fillId="0" borderId="7" xfId="0" applyFont="1" applyFill="1" applyBorder="1" applyAlignment="1">
      <alignment horizontal="right"/>
    </xf>
    <xf numFmtId="0" fontId="8" fillId="0" borderId="5" xfId="0" applyFont="1" applyFill="1" applyBorder="1" applyAlignment="1">
      <alignment horizontal="right"/>
    </xf>
    <xf numFmtId="0" fontId="8" fillId="0" borderId="0" xfId="0" applyFont="1" applyFill="1" applyAlignment="1">
      <alignment horizontal="right"/>
    </xf>
    <xf numFmtId="0" fontId="3" fillId="0" borderId="0" xfId="0" applyFont="1" applyFill="1" applyAlignment="1">
      <alignment horizontal="center"/>
    </xf>
    <xf numFmtId="0" fontId="4" fillId="0" borderId="5" xfId="0" applyFont="1" applyFill="1" applyBorder="1" applyAlignment="1">
      <alignment horizontal="center" vertical="center"/>
    </xf>
    <xf numFmtId="0" fontId="14" fillId="0" borderId="6" xfId="0" applyFont="1" applyFill="1" applyBorder="1"/>
    <xf numFmtId="181" fontId="14" fillId="0" borderId="5" xfId="0" applyNumberFormat="1" applyFont="1" applyFill="1" applyBorder="1" applyAlignment="1">
      <alignment horizontal="right"/>
    </xf>
    <xf numFmtId="181" fontId="14" fillId="0" borderId="0" xfId="0" applyNumberFormat="1" applyFont="1" applyFill="1" applyBorder="1" applyAlignment="1">
      <alignment horizontal="right"/>
    </xf>
    <xf numFmtId="182" fontId="14" fillId="0" borderId="0" xfId="0" applyNumberFormat="1" applyFont="1" applyFill="1" applyAlignment="1">
      <alignment horizontal="right"/>
    </xf>
    <xf numFmtId="0" fontId="4" fillId="0" borderId="6" xfId="0" applyFont="1" applyFill="1" applyBorder="1"/>
    <xf numFmtId="38" fontId="4" fillId="0" borderId="5" xfId="1" applyFont="1" applyFill="1" applyBorder="1" applyAlignment="1"/>
    <xf numFmtId="38" fontId="4" fillId="0" borderId="0" xfId="1" applyFont="1" applyFill="1" applyAlignment="1"/>
    <xf numFmtId="182" fontId="4" fillId="0" borderId="0" xfId="0" applyNumberFormat="1" applyFont="1" applyFill="1" applyAlignment="1">
      <alignment horizontal="right"/>
    </xf>
    <xf numFmtId="0" fontId="4" fillId="0" borderId="6" xfId="0" applyFont="1" applyFill="1" applyBorder="1" applyAlignment="1">
      <alignment horizontal="distributed"/>
    </xf>
    <xf numFmtId="0" fontId="4" fillId="0" borderId="5" xfId="0" applyFont="1" applyFill="1" applyBorder="1" applyAlignment="1">
      <alignment horizontal="center" vertical="center" textRotation="255"/>
    </xf>
    <xf numFmtId="0" fontId="8" fillId="0" borderId="13" xfId="0" applyFont="1" applyFill="1" applyBorder="1" applyAlignment="1">
      <alignment vertical="top" wrapText="1"/>
    </xf>
    <xf numFmtId="0" fontId="4" fillId="0" borderId="18" xfId="0" applyFont="1" applyFill="1" applyBorder="1" applyAlignment="1">
      <alignment horizontal="center" vertical="center" textRotation="255"/>
    </xf>
    <xf numFmtId="0" fontId="8" fillId="0" borderId="15" xfId="0" applyFont="1" applyFill="1" applyBorder="1" applyAlignment="1">
      <alignment horizontal="right"/>
    </xf>
    <xf numFmtId="0" fontId="8" fillId="0" borderId="17" xfId="0" applyFont="1" applyFill="1" applyBorder="1" applyAlignment="1">
      <alignment horizontal="right"/>
    </xf>
    <xf numFmtId="181" fontId="14" fillId="0" borderId="0" xfId="0" applyNumberFormat="1" applyFont="1" applyFill="1" applyAlignment="1">
      <alignment horizontal="right"/>
    </xf>
    <xf numFmtId="0" fontId="8" fillId="0" borderId="13" xfId="0" applyFont="1" applyFill="1" applyBorder="1" applyAlignment="1">
      <alignment vertical="top"/>
    </xf>
    <xf numFmtId="181" fontId="4" fillId="0" borderId="5" xfId="0" applyNumberFormat="1" applyFont="1" applyFill="1" applyBorder="1" applyAlignment="1">
      <alignment horizontal="right"/>
    </xf>
    <xf numFmtId="181" fontId="4" fillId="0" borderId="0" xfId="0" applyNumberFormat="1" applyFont="1" applyFill="1" applyAlignment="1">
      <alignment horizontal="right"/>
    </xf>
    <xf numFmtId="177" fontId="4" fillId="0" borderId="0" xfId="0" applyNumberFormat="1" applyFont="1" applyFill="1" applyAlignment="1">
      <alignment horizontal="right"/>
    </xf>
    <xf numFmtId="0" fontId="4" fillId="0" borderId="18" xfId="0" applyFont="1" applyFill="1" applyBorder="1" applyAlignment="1">
      <alignment horizontal="center" vertical="center"/>
    </xf>
    <xf numFmtId="184" fontId="14" fillId="0" borderId="0" xfId="0" applyNumberFormat="1" applyFont="1" applyFill="1" applyAlignment="1">
      <alignment horizontal="right"/>
    </xf>
    <xf numFmtId="0" fontId="4" fillId="0" borderId="5" xfId="0" applyFont="1" applyFill="1" applyBorder="1" applyAlignment="1">
      <alignment horizontal="right"/>
    </xf>
    <xf numFmtId="0" fontId="4" fillId="0" borderId="0" xfId="0" applyFont="1" applyFill="1" applyBorder="1" applyAlignment="1">
      <alignment horizontal="right"/>
    </xf>
    <xf numFmtId="184" fontId="4" fillId="0" borderId="0" xfId="0" applyNumberFormat="1" applyFont="1" applyFill="1" applyAlignment="1">
      <alignment horizontal="right"/>
    </xf>
    <xf numFmtId="184" fontId="4" fillId="0" borderId="0" xfId="0" applyNumberFormat="1" applyFont="1" applyFill="1"/>
    <xf numFmtId="0" fontId="4" fillId="0" borderId="16" xfId="0" applyFont="1" applyFill="1" applyBorder="1" applyAlignment="1">
      <alignment horizontal="center" vertical="center"/>
    </xf>
    <xf numFmtId="0" fontId="4" fillId="0" borderId="13" xfId="0" applyFont="1" applyFill="1" applyBorder="1" applyAlignment="1">
      <alignment horizontal="distributed"/>
    </xf>
    <xf numFmtId="181" fontId="4" fillId="0" borderId="16" xfId="0" applyNumberFormat="1" applyFont="1" applyFill="1" applyBorder="1" applyAlignment="1">
      <alignment horizontal="right"/>
    </xf>
    <xf numFmtId="181" fontId="4" fillId="0" borderId="12" xfId="0" applyNumberFormat="1" applyFont="1" applyFill="1" applyBorder="1" applyAlignment="1">
      <alignment horizontal="right"/>
    </xf>
    <xf numFmtId="177" fontId="4" fillId="0" borderId="12" xfId="0" applyNumberFormat="1" applyFont="1" applyFill="1" applyBorder="1" applyAlignment="1">
      <alignment horizontal="right"/>
    </xf>
    <xf numFmtId="0" fontId="12" fillId="0" borderId="12" xfId="4" applyFont="1" applyFill="1" applyBorder="1" applyAlignment="1">
      <alignment horizontal="left"/>
    </xf>
    <xf numFmtId="0" fontId="15" fillId="0" borderId="12" xfId="4" applyFont="1" applyFill="1" applyBorder="1" applyAlignment="1">
      <alignment horizontal="left"/>
    </xf>
    <xf numFmtId="0" fontId="8" fillId="0" borderId="23" xfId="4" applyFont="1" applyFill="1" applyBorder="1" applyAlignment="1">
      <alignment horizontal="center" vertical="center" wrapText="1"/>
    </xf>
    <xf numFmtId="0" fontId="8" fillId="0" borderId="8" xfId="4" applyFont="1" applyFill="1" applyBorder="1" applyAlignment="1">
      <alignment horizontal="center" vertical="center"/>
    </xf>
    <xf numFmtId="0" fontId="8" fillId="0" borderId="22" xfId="4" applyFont="1" applyFill="1" applyBorder="1" applyAlignment="1">
      <alignment horizontal="center" vertical="center" wrapText="1"/>
    </xf>
    <xf numFmtId="0" fontId="8" fillId="0" borderId="22" xfId="4" quotePrefix="1" applyFont="1" applyFill="1" applyBorder="1" applyAlignment="1">
      <alignment horizontal="center" vertical="center" wrapText="1"/>
    </xf>
    <xf numFmtId="0" fontId="8" fillId="0" borderId="8" xfId="4" applyFont="1" applyFill="1" applyBorder="1" applyAlignment="1">
      <alignment horizontal="center" vertical="center" wrapText="1"/>
    </xf>
    <xf numFmtId="0" fontId="4" fillId="0" borderId="0" xfId="4" quotePrefix="1" applyFont="1" applyFill="1" applyBorder="1" applyAlignment="1">
      <alignment horizontal="center" vertical="center"/>
    </xf>
    <xf numFmtId="0" fontId="8" fillId="0" borderId="5" xfId="4" applyFont="1" applyFill="1" applyBorder="1" applyAlignment="1">
      <alignment horizontal="right" vertical="center"/>
    </xf>
    <xf numFmtId="0" fontId="8" fillId="0" borderId="3" xfId="4" applyFont="1" applyFill="1" applyBorder="1" applyAlignment="1">
      <alignment horizontal="right" vertical="center" wrapText="1"/>
    </xf>
    <xf numFmtId="0" fontId="8" fillId="0" borderId="0" xfId="4" applyFont="1" applyFill="1" applyBorder="1" applyAlignment="1">
      <alignment horizontal="right" vertical="center" wrapText="1"/>
    </xf>
    <xf numFmtId="0" fontId="4" fillId="0" borderId="3" xfId="4" applyFont="1" applyFill="1" applyBorder="1" applyAlignment="1">
      <alignment horizontal="center" vertical="center" wrapText="1"/>
    </xf>
    <xf numFmtId="181" fontId="4" fillId="0" borderId="5" xfId="4" quotePrefix="1" applyNumberFormat="1" applyFont="1" applyFill="1" applyBorder="1" applyAlignment="1">
      <alignment horizontal="right"/>
    </xf>
    <xf numFmtId="0" fontId="4" fillId="0" borderId="0" xfId="4" quotePrefix="1" applyFont="1" applyFill="1" applyBorder="1" applyAlignment="1">
      <alignment horizontal="right"/>
    </xf>
    <xf numFmtId="0" fontId="4" fillId="0" borderId="0" xfId="4" quotePrefix="1" applyFont="1" applyFill="1" applyBorder="1" applyAlignment="1">
      <alignment horizontal="left"/>
    </xf>
    <xf numFmtId="56" fontId="4" fillId="0" borderId="0" xfId="4" quotePrefix="1" applyNumberFormat="1" applyFont="1" applyFill="1" applyBorder="1" applyAlignment="1">
      <alignment horizontal="right"/>
    </xf>
    <xf numFmtId="56" fontId="4" fillId="0" borderId="0" xfId="4" quotePrefix="1" applyNumberFormat="1" applyFont="1" applyFill="1" applyBorder="1" applyAlignment="1">
      <alignment horizontal="left"/>
    </xf>
    <xf numFmtId="0" fontId="4" fillId="0" borderId="2" xfId="4" applyFont="1" applyFill="1" applyBorder="1" applyAlignment="1">
      <alignment horizontal="right"/>
    </xf>
    <xf numFmtId="0" fontId="4" fillId="0" borderId="7" xfId="4" applyFont="1" applyFill="1" applyBorder="1" applyAlignment="1">
      <alignment horizontal="left"/>
    </xf>
    <xf numFmtId="181" fontId="4" fillId="0" borderId="2" xfId="4" applyNumberFormat="1" applyFont="1" applyFill="1" applyBorder="1" applyAlignment="1">
      <alignment horizontal="right"/>
    </xf>
    <xf numFmtId="181" fontId="4" fillId="0" borderId="1" xfId="4" applyNumberFormat="1" applyFont="1" applyFill="1" applyBorder="1" applyAlignment="1">
      <alignment horizontal="right"/>
    </xf>
    <xf numFmtId="179" fontId="4" fillId="0" borderId="2" xfId="4" applyNumberFormat="1" applyFont="1" applyFill="1" applyBorder="1"/>
    <xf numFmtId="0" fontId="12" fillId="0" borderId="0" xfId="4" applyFont="1" applyFill="1" applyAlignment="1">
      <alignment horizontal="left"/>
    </xf>
    <xf numFmtId="0" fontId="15" fillId="0" borderId="0" xfId="4" applyFont="1" applyFill="1" applyAlignment="1">
      <alignment horizontal="left"/>
    </xf>
    <xf numFmtId="0" fontId="4" fillId="0" borderId="8" xfId="4" applyFont="1" applyFill="1" applyBorder="1" applyAlignment="1">
      <alignment horizontal="center" vertical="center"/>
    </xf>
    <xf numFmtId="183" fontId="4" fillId="0" borderId="5" xfId="4" applyNumberFormat="1" applyFont="1" applyFill="1" applyBorder="1"/>
    <xf numFmtId="0" fontId="13" fillId="0" borderId="0" xfId="5" applyFont="1" applyFill="1"/>
    <xf numFmtId="0" fontId="8" fillId="0" borderId="15" xfId="5" applyFont="1" applyFill="1" applyBorder="1" applyAlignment="1">
      <alignment horizontal="center"/>
    </xf>
    <xf numFmtId="0" fontId="4" fillId="0" borderId="14" xfId="5" applyFont="1" applyFill="1" applyBorder="1" applyAlignment="1">
      <alignment horizontal="center"/>
    </xf>
    <xf numFmtId="0" fontId="4" fillId="0" borderId="0" xfId="5" applyFont="1" applyFill="1" applyBorder="1"/>
    <xf numFmtId="0" fontId="8" fillId="0" borderId="0" xfId="5" applyFont="1" applyFill="1" applyBorder="1" applyAlignment="1">
      <alignment horizontal="center"/>
    </xf>
    <xf numFmtId="0" fontId="4" fillId="0" borderId="1" xfId="5" applyFont="1" applyFill="1" applyBorder="1" applyAlignment="1">
      <alignment horizontal="center"/>
    </xf>
    <xf numFmtId="0" fontId="8" fillId="0" borderId="9" xfId="5" applyFont="1" applyFill="1" applyBorder="1" applyAlignment="1">
      <alignment horizontal="center"/>
    </xf>
    <xf numFmtId="0" fontId="4" fillId="0" borderId="22" xfId="5" applyFont="1" applyFill="1" applyBorder="1" applyAlignment="1">
      <alignment horizontal="center"/>
    </xf>
    <xf numFmtId="0" fontId="4" fillId="0" borderId="23" xfId="5" applyFont="1" applyFill="1" applyBorder="1" applyAlignment="1">
      <alignment horizontal="center"/>
    </xf>
    <xf numFmtId="0" fontId="4" fillId="0" borderId="24" xfId="5" applyFont="1" applyFill="1" applyBorder="1" applyAlignment="1">
      <alignment horizontal="center"/>
    </xf>
    <xf numFmtId="0" fontId="4" fillId="0" borderId="25" xfId="5" applyFont="1" applyFill="1" applyBorder="1" applyAlignment="1">
      <alignment horizontal="center"/>
    </xf>
    <xf numFmtId="0" fontId="4" fillId="0" borderId="0" xfId="5" applyFont="1" applyFill="1" applyAlignment="1">
      <alignment horizontal="center"/>
    </xf>
    <xf numFmtId="0" fontId="4" fillId="0" borderId="5" xfId="5" applyFont="1" applyFill="1" applyBorder="1" applyAlignment="1">
      <alignment horizontal="center"/>
    </xf>
    <xf numFmtId="3" fontId="14" fillId="0" borderId="1" xfId="5" applyNumberFormat="1" applyFont="1" applyFill="1" applyBorder="1" applyAlignment="1"/>
    <xf numFmtId="177" fontId="14" fillId="0" borderId="26" xfId="5" applyNumberFormat="1" applyFont="1" applyFill="1" applyBorder="1" applyAlignment="1">
      <alignment horizontal="right" wrapText="1"/>
    </xf>
    <xf numFmtId="3" fontId="14" fillId="0" borderId="1" xfId="5" applyNumberFormat="1" applyFont="1" applyFill="1" applyBorder="1" applyAlignment="1">
      <alignment wrapText="1"/>
    </xf>
    <xf numFmtId="177" fontId="14" fillId="0" borderId="5" xfId="5" applyNumberFormat="1" applyFont="1" applyFill="1" applyBorder="1" applyAlignment="1">
      <alignment horizontal="right" wrapText="1"/>
    </xf>
    <xf numFmtId="179" fontId="14" fillId="0" borderId="27" xfId="5" applyNumberFormat="1" applyFont="1" applyFill="1" applyBorder="1" applyAlignment="1">
      <alignment horizontal="right" wrapText="1"/>
    </xf>
    <xf numFmtId="0" fontId="4" fillId="0" borderId="28" xfId="5" applyFont="1" applyFill="1" applyBorder="1" applyAlignment="1"/>
    <xf numFmtId="3" fontId="4" fillId="0" borderId="29" xfId="5" applyNumberFormat="1" applyFont="1" applyFill="1" applyBorder="1" applyAlignment="1">
      <alignment wrapText="1"/>
    </xf>
    <xf numFmtId="180" fontId="4" fillId="0" borderId="0" xfId="5" applyNumberFormat="1" applyFont="1" applyFill="1"/>
    <xf numFmtId="180" fontId="4" fillId="0" borderId="29" xfId="5" applyNumberFormat="1" applyFont="1" applyFill="1" applyBorder="1"/>
    <xf numFmtId="0" fontId="4" fillId="0" borderId="5" xfId="5" applyFont="1" applyFill="1" applyBorder="1" applyAlignment="1"/>
    <xf numFmtId="3" fontId="4" fillId="0" borderId="1" xfId="5" applyNumberFormat="1" applyFont="1" applyFill="1" applyBorder="1" applyAlignment="1">
      <alignment wrapText="1"/>
    </xf>
    <xf numFmtId="3" fontId="4" fillId="0" borderId="1" xfId="5" applyNumberFormat="1" applyFont="1" applyFill="1" applyBorder="1" applyAlignment="1"/>
    <xf numFmtId="0" fontId="4" fillId="0" borderId="27" xfId="5" applyFont="1" applyFill="1" applyBorder="1" applyAlignment="1"/>
    <xf numFmtId="3" fontId="4" fillId="0" borderId="26" xfId="5" applyNumberFormat="1" applyFont="1" applyFill="1" applyBorder="1" applyAlignment="1">
      <alignment wrapText="1"/>
    </xf>
    <xf numFmtId="180" fontId="4" fillId="0" borderId="26" xfId="5" applyNumberFormat="1" applyFont="1" applyFill="1" applyBorder="1"/>
    <xf numFmtId="180" fontId="4" fillId="0" borderId="27" xfId="5" applyNumberFormat="1" applyFont="1" applyFill="1" applyBorder="1"/>
    <xf numFmtId="177" fontId="14" fillId="0" borderId="27" xfId="5" applyNumberFormat="1" applyFont="1" applyFill="1" applyBorder="1" applyAlignment="1">
      <alignment horizontal="right" wrapText="1"/>
    </xf>
    <xf numFmtId="177" fontId="4" fillId="0" borderId="33" xfId="5" applyNumberFormat="1" applyFont="1" applyFill="1" applyBorder="1" applyAlignment="1">
      <alignment wrapText="1"/>
    </xf>
    <xf numFmtId="177" fontId="4" fillId="0" borderId="28" xfId="5" applyNumberFormat="1" applyFont="1" applyFill="1" applyBorder="1" applyAlignment="1">
      <alignment wrapText="1"/>
    </xf>
    <xf numFmtId="177" fontId="4" fillId="0" borderId="0" xfId="5" applyNumberFormat="1" applyFont="1" applyFill="1" applyBorder="1" applyAlignment="1">
      <alignment wrapText="1"/>
    </xf>
    <xf numFmtId="177" fontId="4" fillId="0" borderId="5" xfId="5" applyNumberFormat="1" applyFont="1" applyFill="1" applyBorder="1" applyAlignment="1">
      <alignment wrapText="1"/>
    </xf>
    <xf numFmtId="177" fontId="4" fillId="0" borderId="34" xfId="5" applyNumberFormat="1" applyFont="1" applyFill="1" applyBorder="1" applyAlignment="1">
      <alignment wrapText="1"/>
    </xf>
    <xf numFmtId="177" fontId="4" fillId="0" borderId="27" xfId="5" applyNumberFormat="1" applyFont="1" applyFill="1" applyBorder="1" applyAlignment="1">
      <alignment wrapText="1"/>
    </xf>
    <xf numFmtId="0" fontId="4" fillId="0" borderId="26" xfId="5" applyFont="1" applyFill="1" applyBorder="1" applyAlignment="1">
      <alignment horizontal="center"/>
    </xf>
    <xf numFmtId="3" fontId="14" fillId="0" borderId="26" xfId="5" applyNumberFormat="1" applyFont="1" applyFill="1" applyBorder="1" applyAlignment="1">
      <alignment wrapText="1"/>
    </xf>
    <xf numFmtId="179" fontId="4" fillId="0" borderId="28" xfId="5" applyNumberFormat="1" applyFont="1" applyFill="1" applyBorder="1" applyAlignment="1">
      <alignment wrapText="1"/>
    </xf>
    <xf numFmtId="179" fontId="4" fillId="0" borderId="5" xfId="5" applyNumberFormat="1" applyFont="1" applyFill="1" applyBorder="1" applyAlignment="1">
      <alignment wrapText="1"/>
    </xf>
    <xf numFmtId="179" fontId="4" fillId="0" borderId="27" xfId="5" applyNumberFormat="1" applyFont="1" applyFill="1" applyBorder="1" applyAlignment="1">
      <alignment wrapText="1"/>
    </xf>
    <xf numFmtId="0" fontId="8" fillId="0" borderId="5" xfId="5" applyFont="1" applyFill="1" applyBorder="1" applyAlignment="1">
      <alignment horizontal="center" vertical="center"/>
    </xf>
    <xf numFmtId="0" fontId="8" fillId="0" borderId="1" xfId="5" applyFont="1" applyFill="1" applyBorder="1" applyAlignment="1">
      <alignment horizontal="right" vertical="center"/>
    </xf>
    <xf numFmtId="0" fontId="8" fillId="0" borderId="0" xfId="5" applyFont="1" applyFill="1" applyBorder="1" applyAlignment="1">
      <alignment horizontal="right" vertical="center"/>
    </xf>
    <xf numFmtId="0" fontId="8" fillId="0" borderId="5" xfId="5" applyFont="1" applyFill="1" applyBorder="1" applyAlignment="1">
      <alignment horizontal="right" vertical="center"/>
    </xf>
    <xf numFmtId="0" fontId="4" fillId="0" borderId="12" xfId="5" applyFont="1" applyFill="1" applyBorder="1" applyAlignment="1">
      <alignment horizontal="center"/>
    </xf>
    <xf numFmtId="0" fontId="4" fillId="0" borderId="35" xfId="5" applyFont="1" applyFill="1" applyBorder="1" applyAlignment="1">
      <alignment horizontal="center"/>
    </xf>
    <xf numFmtId="3" fontId="4" fillId="0" borderId="32" xfId="5" applyNumberFormat="1" applyFont="1" applyFill="1" applyBorder="1" applyAlignment="1">
      <alignment wrapText="1"/>
    </xf>
    <xf numFmtId="180" fontId="4" fillId="0" borderId="32" xfId="5" applyNumberFormat="1" applyFont="1" applyFill="1" applyBorder="1"/>
    <xf numFmtId="0" fontId="4" fillId="0" borderId="32" xfId="5" applyFont="1" applyFill="1" applyBorder="1" applyAlignment="1">
      <alignment wrapText="1"/>
    </xf>
    <xf numFmtId="180" fontId="4" fillId="0" borderId="12" xfId="5" applyNumberFormat="1" applyFont="1" applyFill="1" applyBorder="1"/>
    <xf numFmtId="38" fontId="0" fillId="0" borderId="32" xfId="1" applyFont="1" applyFill="1" applyBorder="1" applyAlignment="1">
      <alignment wrapText="1"/>
    </xf>
    <xf numFmtId="180" fontId="4" fillId="0" borderId="16" xfId="5" applyNumberFormat="1" applyFont="1" applyFill="1" applyBorder="1"/>
    <xf numFmtId="177" fontId="4" fillId="0" borderId="47" xfId="5" applyNumberFormat="1" applyFont="1" applyFill="1" applyBorder="1" applyAlignment="1">
      <alignment wrapText="1"/>
    </xf>
    <xf numFmtId="177" fontId="4" fillId="0" borderId="35" xfId="5" applyNumberFormat="1" applyFont="1" applyFill="1" applyBorder="1" applyAlignment="1">
      <alignment wrapText="1"/>
    </xf>
    <xf numFmtId="179" fontId="4" fillId="0" borderId="35" xfId="5" applyNumberFormat="1" applyFont="1" applyFill="1" applyBorder="1" applyAlignment="1">
      <alignment wrapText="1"/>
    </xf>
    <xf numFmtId="181" fontId="4" fillId="0" borderId="3" xfId="4" applyNumberFormat="1" applyFont="1" applyFill="1" applyBorder="1" applyAlignment="1">
      <alignment horizontal="right"/>
    </xf>
    <xf numFmtId="0" fontId="4" fillId="0" borderId="7" xfId="0" applyFont="1" applyFill="1" applyBorder="1" applyAlignment="1">
      <alignment horizontal="center"/>
    </xf>
    <xf numFmtId="0" fontId="4" fillId="0" borderId="10" xfId="0" applyFont="1" applyFill="1" applyBorder="1" applyAlignment="1">
      <alignment horizontal="center"/>
    </xf>
    <xf numFmtId="0" fontId="8" fillId="0" borderId="6" xfId="0" applyFont="1" applyFill="1" applyBorder="1" applyAlignment="1">
      <alignment horizontal="right"/>
    </xf>
    <xf numFmtId="181" fontId="14" fillId="0" borderId="6" xfId="0" applyNumberFormat="1" applyFont="1" applyFill="1" applyBorder="1" applyAlignment="1">
      <alignment horizontal="right"/>
    </xf>
    <xf numFmtId="38" fontId="4" fillId="0" borderId="6" xfId="1" applyFont="1" applyFill="1" applyBorder="1" applyAlignment="1"/>
    <xf numFmtId="181" fontId="4" fillId="0" borderId="6" xfId="0" applyNumberFormat="1" applyFont="1" applyFill="1" applyBorder="1" applyAlignment="1">
      <alignment horizontal="right"/>
    </xf>
    <xf numFmtId="0" fontId="4" fillId="0" borderId="6" xfId="0" applyFont="1" applyFill="1" applyBorder="1" applyAlignment="1">
      <alignment horizontal="right"/>
    </xf>
    <xf numFmtId="181" fontId="4" fillId="0" borderId="13" xfId="0" applyNumberFormat="1" applyFont="1" applyFill="1" applyBorder="1" applyAlignment="1">
      <alignment horizontal="right"/>
    </xf>
    <xf numFmtId="0" fontId="4" fillId="0" borderId="39" xfId="4" applyFont="1" applyFill="1" applyBorder="1" applyAlignment="1">
      <alignment horizontal="center"/>
    </xf>
    <xf numFmtId="38" fontId="4" fillId="0" borderId="38" xfId="2" applyFont="1" applyFill="1" applyBorder="1"/>
    <xf numFmtId="38" fontId="4" fillId="0" borderId="39" xfId="2" applyFont="1" applyFill="1" applyBorder="1"/>
    <xf numFmtId="38" fontId="4" fillId="0" borderId="38" xfId="4" applyNumberFormat="1" applyFont="1" applyFill="1" applyBorder="1"/>
    <xf numFmtId="38" fontId="4" fillId="0" borderId="46" xfId="4" applyNumberFormat="1" applyFont="1" applyFill="1" applyBorder="1"/>
    <xf numFmtId="0" fontId="4" fillId="0" borderId="35" xfId="4" applyFont="1" applyFill="1" applyBorder="1" applyAlignment="1">
      <alignment horizontal="center"/>
    </xf>
    <xf numFmtId="38" fontId="4" fillId="0" borderId="32" xfId="2" applyFont="1" applyFill="1" applyBorder="1"/>
    <xf numFmtId="38" fontId="4" fillId="0" borderId="32" xfId="4" applyNumberFormat="1" applyFont="1" applyFill="1" applyBorder="1" applyAlignment="1">
      <alignment horizontal="right"/>
    </xf>
    <xf numFmtId="38" fontId="4" fillId="0" borderId="47" xfId="4" applyNumberFormat="1" applyFont="1" applyFill="1" applyBorder="1"/>
    <xf numFmtId="38" fontId="4" fillId="0" borderId="32" xfId="4" applyNumberFormat="1" applyFont="1" applyFill="1" applyBorder="1"/>
    <xf numFmtId="38" fontId="4" fillId="0" borderId="35" xfId="4" applyNumberFormat="1" applyFont="1" applyFill="1" applyBorder="1"/>
    <xf numFmtId="3" fontId="14" fillId="0" borderId="41" xfId="4" applyNumberFormat="1" applyFont="1" applyFill="1" applyBorder="1" applyAlignment="1">
      <alignment horizontal="center" vertical="center"/>
    </xf>
    <xf numFmtId="3" fontId="9" fillId="0" borderId="42" xfId="4" applyNumberFormat="1" applyFont="1" applyFill="1" applyBorder="1" applyAlignment="1">
      <alignment horizontal="right" vertical="center"/>
    </xf>
    <xf numFmtId="3" fontId="14" fillId="0" borderId="42" xfId="2" applyNumberFormat="1" applyFont="1" applyFill="1" applyBorder="1" applyAlignment="1">
      <alignment horizontal="right" vertical="center"/>
    </xf>
    <xf numFmtId="3" fontId="4" fillId="0" borderId="42" xfId="2" applyNumberFormat="1" applyFont="1" applyFill="1" applyBorder="1" applyAlignment="1">
      <alignment horizontal="right" vertical="center"/>
    </xf>
    <xf numFmtId="3" fontId="4" fillId="0" borderId="43" xfId="2" applyNumberFormat="1" applyFont="1" applyFill="1" applyBorder="1"/>
    <xf numFmtId="3" fontId="4" fillId="0" borderId="43" xfId="2" applyNumberFormat="1" applyFont="1" applyFill="1" applyBorder="1" applyAlignment="1">
      <alignment horizontal="right"/>
    </xf>
    <xf numFmtId="3" fontId="3" fillId="0" borderId="35" xfId="2" applyNumberFormat="1" applyFont="1" applyFill="1" applyBorder="1" applyAlignment="1">
      <alignment horizontal="right" vertical="center"/>
    </xf>
    <xf numFmtId="3" fontId="3" fillId="0" borderId="32" xfId="2" applyNumberFormat="1" applyFont="1" applyFill="1" applyBorder="1" applyAlignment="1">
      <alignment horizontal="right" vertical="center"/>
    </xf>
    <xf numFmtId="3" fontId="3" fillId="0" borderId="48" xfId="2" applyNumberFormat="1" applyFont="1" applyFill="1" applyBorder="1" applyAlignment="1">
      <alignment horizontal="right" vertical="center"/>
    </xf>
    <xf numFmtId="38" fontId="3" fillId="0" borderId="32" xfId="2" applyFont="1" applyFill="1" applyBorder="1" applyAlignment="1">
      <alignment horizontal="right" vertical="center"/>
    </xf>
    <xf numFmtId="0" fontId="14" fillId="0" borderId="13" xfId="4" applyFont="1" applyFill="1" applyBorder="1" applyAlignment="1">
      <alignment horizontal="center"/>
    </xf>
    <xf numFmtId="38" fontId="3" fillId="0" borderId="11" xfId="2" applyFont="1" applyFill="1" applyBorder="1" applyAlignment="1">
      <alignment horizontal="right" vertical="center"/>
    </xf>
    <xf numFmtId="0" fontId="8" fillId="0" borderId="1" xfId="4" applyFont="1" applyFill="1" applyBorder="1" applyAlignment="1">
      <alignment horizontal="right" vertical="center"/>
    </xf>
    <xf numFmtId="3" fontId="3" fillId="0" borderId="32" xfId="2" applyNumberFormat="1" applyFont="1" applyFill="1" applyBorder="1" applyAlignment="1">
      <alignment vertical="center"/>
    </xf>
    <xf numFmtId="3" fontId="3" fillId="0" borderId="11" xfId="2" applyNumberFormat="1" applyFont="1" applyFill="1" applyBorder="1" applyAlignment="1">
      <alignment vertical="center"/>
    </xf>
    <xf numFmtId="3" fontId="3" fillId="0" borderId="35" xfId="2" applyNumberFormat="1" applyFont="1" applyFill="1" applyBorder="1" applyAlignment="1">
      <alignment vertical="center"/>
    </xf>
    <xf numFmtId="188" fontId="15" fillId="0" borderId="46" xfId="4" applyNumberFormat="1" applyFont="1" applyFill="1" applyBorder="1" applyAlignment="1">
      <alignment vertical="center"/>
    </xf>
    <xf numFmtId="188" fontId="15" fillId="0" borderId="45" xfId="4" applyNumberFormat="1" applyFont="1" applyFill="1" applyBorder="1" applyAlignment="1">
      <alignment vertical="center"/>
    </xf>
    <xf numFmtId="38" fontId="3" fillId="0" borderId="13" xfId="2" applyFont="1" applyFill="1" applyBorder="1" applyAlignment="1">
      <alignment horizontal="right" vertical="center" indent="1"/>
    </xf>
    <xf numFmtId="0" fontId="3" fillId="0" borderId="11" xfId="4" applyFont="1" applyFill="1" applyBorder="1" applyAlignment="1">
      <alignment vertical="center" textRotation="255"/>
    </xf>
    <xf numFmtId="3" fontId="3" fillId="0" borderId="16" xfId="2" applyNumberFormat="1" applyFont="1" applyFill="1" applyBorder="1" applyAlignment="1">
      <alignment horizontal="right" vertical="center"/>
    </xf>
    <xf numFmtId="3" fontId="3" fillId="0" borderId="11" xfId="2" applyNumberFormat="1" applyFont="1" applyFill="1" applyBorder="1" applyAlignment="1">
      <alignment horizontal="right" vertical="center"/>
    </xf>
    <xf numFmtId="3" fontId="3" fillId="0" borderId="12" xfId="2" applyNumberFormat="1" applyFont="1" applyFill="1" applyBorder="1" applyAlignment="1">
      <alignment horizontal="right" vertical="center"/>
    </xf>
    <xf numFmtId="3" fontId="3" fillId="0" borderId="13" xfId="2" applyNumberFormat="1" applyFont="1" applyFill="1" applyBorder="1" applyAlignment="1">
      <alignment horizontal="right" vertical="center"/>
    </xf>
    <xf numFmtId="3" fontId="4" fillId="0" borderId="6" xfId="4" applyNumberFormat="1" applyFont="1" applyFill="1" applyBorder="1" applyAlignment="1">
      <alignment horizontal="right"/>
    </xf>
    <xf numFmtId="3" fontId="12" fillId="0" borderId="16" xfId="2" applyNumberFormat="1" applyFont="1" applyFill="1" applyBorder="1" applyAlignment="1">
      <alignment horizontal="right" vertical="center"/>
    </xf>
    <xf numFmtId="3" fontId="3" fillId="0" borderId="32" xfId="2" applyNumberFormat="1" applyFont="1" applyFill="1" applyBorder="1" applyAlignment="1">
      <alignment horizontal="right" vertical="center" indent="1"/>
    </xf>
    <xf numFmtId="3" fontId="14" fillId="0" borderId="0" xfId="2" applyNumberFormat="1" applyFont="1" applyFill="1" applyBorder="1" applyAlignment="1">
      <alignment horizontal="right" vertical="center"/>
    </xf>
    <xf numFmtId="3" fontId="4" fillId="0" borderId="0" xfId="8" applyNumberFormat="1" applyFont="1" applyFill="1" applyBorder="1" applyAlignment="1">
      <alignment horizontal="right" vertical="center"/>
    </xf>
    <xf numFmtId="3" fontId="4" fillId="0" borderId="1" xfId="8" applyNumberFormat="1" applyFont="1" applyFill="1" applyBorder="1" applyAlignment="1">
      <alignment horizontal="right" vertical="center"/>
    </xf>
    <xf numFmtId="3" fontId="4" fillId="0" borderId="42" xfId="8" applyNumberFormat="1" applyFont="1" applyFill="1" applyBorder="1" applyAlignment="1">
      <alignment horizontal="right" vertical="center"/>
    </xf>
    <xf numFmtId="0" fontId="12" fillId="0" borderId="12" xfId="5" applyFont="1" applyFill="1" applyBorder="1"/>
    <xf numFmtId="0" fontId="13" fillId="0" borderId="0" xfId="4" applyFont="1" applyFill="1" applyAlignment="1"/>
    <xf numFmtId="0" fontId="19" fillId="0" borderId="12" xfId="4" applyFont="1" applyFill="1" applyBorder="1"/>
    <xf numFmtId="0" fontId="54" fillId="0" borderId="0" xfId="4" applyFont="1" applyFill="1"/>
    <xf numFmtId="0" fontId="10" fillId="0" borderId="0" xfId="0" applyFont="1" applyFill="1" applyAlignment="1">
      <alignment horizontal="center" vertical="center"/>
    </xf>
    <xf numFmtId="0" fontId="10" fillId="0" borderId="0" xfId="0" applyFont="1" applyFill="1" applyAlignment="1">
      <alignment horizontal="left" vertical="center" indent="1"/>
    </xf>
    <xf numFmtId="0" fontId="10" fillId="0" borderId="0" xfId="0" applyFont="1" applyFill="1" applyBorder="1" applyAlignment="1">
      <alignment horizontal="center"/>
    </xf>
    <xf numFmtId="0" fontId="4" fillId="0" borderId="2" xfId="0" applyFont="1" applyFill="1" applyBorder="1" applyAlignment="1">
      <alignment horizontal="center" vertical="center" textRotation="255"/>
    </xf>
    <xf numFmtId="0" fontId="3" fillId="0" borderId="7" xfId="0" applyFont="1" applyFill="1" applyBorder="1" applyAlignment="1"/>
    <xf numFmtId="0" fontId="4" fillId="0" borderId="0" xfId="0" applyFont="1" applyFill="1" applyBorder="1" applyAlignment="1">
      <alignment horizontal="center" vertical="center" textRotation="255"/>
    </xf>
    <xf numFmtId="0" fontId="3" fillId="0" borderId="6" xfId="0" applyFont="1" applyFill="1" applyBorder="1" applyAlignment="1"/>
    <xf numFmtId="0" fontId="4" fillId="0" borderId="9" xfId="0" applyFont="1" applyFill="1" applyBorder="1" applyAlignment="1">
      <alignment horizontal="center" vertical="center" textRotation="255"/>
    </xf>
    <xf numFmtId="0" fontId="3" fillId="0" borderId="10" xfId="0" applyFont="1" applyFill="1" applyBorder="1" applyAlignment="1"/>
    <xf numFmtId="0" fontId="4" fillId="0" borderId="12" xfId="0" applyFont="1" applyFill="1" applyBorder="1" applyAlignment="1">
      <alignment horizontal="center" vertical="center" textRotation="255"/>
    </xf>
    <xf numFmtId="0" fontId="3" fillId="0" borderId="13" xfId="0" applyFont="1" applyFill="1" applyBorder="1" applyAlignment="1"/>
    <xf numFmtId="0" fontId="9" fillId="0" borderId="19" xfId="0" applyFont="1" applyFill="1" applyBorder="1" applyAlignment="1">
      <alignment horizontal="center" vertical="center"/>
    </xf>
    <xf numFmtId="0" fontId="9" fillId="0" borderId="20" xfId="0" applyFont="1" applyFill="1" applyBorder="1" applyAlignment="1">
      <alignment horizontal="center" vertical="center"/>
    </xf>
    <xf numFmtId="0" fontId="4" fillId="0" borderId="17" xfId="0" applyFont="1" applyFill="1" applyBorder="1" applyAlignment="1">
      <alignment horizontal="center" vertical="center" textRotation="255"/>
    </xf>
    <xf numFmtId="0" fontId="4" fillId="0" borderId="6" xfId="0" applyFont="1" applyFill="1" applyBorder="1" applyAlignment="1">
      <alignment horizontal="center" vertical="center" textRotation="255"/>
    </xf>
    <xf numFmtId="0" fontId="4" fillId="0" borderId="13" xfId="0" applyFont="1" applyFill="1" applyBorder="1" applyAlignment="1">
      <alignment horizontal="center" vertical="center" textRotation="255"/>
    </xf>
    <xf numFmtId="0" fontId="4" fillId="0" borderId="14" xfId="0" applyFont="1" applyFill="1" applyBorder="1" applyAlignment="1">
      <alignment vertical="top" textRotation="255"/>
    </xf>
    <xf numFmtId="0" fontId="4" fillId="0" borderId="1" xfId="0" applyFont="1" applyFill="1" applyBorder="1" applyAlignment="1">
      <alignment vertical="top" textRotation="255"/>
    </xf>
    <xf numFmtId="0" fontId="4" fillId="0" borderId="8" xfId="0" applyFont="1" applyFill="1" applyBorder="1" applyAlignment="1">
      <alignment vertical="top" textRotation="255"/>
    </xf>
    <xf numFmtId="0" fontId="4" fillId="0" borderId="3" xfId="0" applyFont="1" applyFill="1" applyBorder="1" applyAlignment="1">
      <alignment vertical="top" textRotation="255"/>
    </xf>
    <xf numFmtId="0" fontId="4" fillId="0" borderId="11" xfId="0" applyFont="1" applyFill="1" applyBorder="1" applyAlignment="1">
      <alignment vertical="top" textRotation="255"/>
    </xf>
    <xf numFmtId="0" fontId="8" fillId="0" borderId="15" xfId="0" applyFont="1" applyFill="1" applyBorder="1" applyAlignment="1">
      <alignment horizontal="center"/>
    </xf>
    <xf numFmtId="0" fontId="8" fillId="0" borderId="17" xfId="0" applyFont="1" applyFill="1" applyBorder="1" applyAlignment="1">
      <alignment horizontal="center"/>
    </xf>
    <xf numFmtId="0" fontId="8" fillId="0" borderId="14" xfId="0" applyFont="1" applyFill="1" applyBorder="1" applyAlignment="1">
      <alignment horizontal="center" vertical="center"/>
    </xf>
    <xf numFmtId="0" fontId="8" fillId="0" borderId="8" xfId="0" applyFont="1" applyFill="1" applyBorder="1" applyAlignment="1">
      <alignment horizontal="center" vertical="center"/>
    </xf>
    <xf numFmtId="0" fontId="8" fillId="0" borderId="9" xfId="0" applyFont="1" applyFill="1" applyBorder="1" applyAlignment="1">
      <alignment horizontal="center"/>
    </xf>
    <xf numFmtId="0" fontId="8" fillId="0" borderId="10" xfId="0" applyFont="1" applyFill="1" applyBorder="1" applyAlignment="1">
      <alignment horizontal="center"/>
    </xf>
    <xf numFmtId="0" fontId="4" fillId="0" borderId="7" xfId="0" applyFont="1" applyFill="1" applyBorder="1" applyAlignment="1">
      <alignment horizontal="center" vertical="center" textRotation="255"/>
    </xf>
    <xf numFmtId="0" fontId="4" fillId="0" borderId="3" xfId="0" applyFont="1" applyFill="1" applyBorder="1" applyAlignment="1">
      <alignment horizontal="center" vertical="center" textRotation="255"/>
    </xf>
    <xf numFmtId="0" fontId="4" fillId="0" borderId="1" xfId="0" applyFont="1" applyFill="1" applyBorder="1" applyAlignment="1">
      <alignment horizontal="center" vertical="center" textRotation="255"/>
    </xf>
    <xf numFmtId="0" fontId="4" fillId="0" borderId="8" xfId="0" applyFont="1" applyFill="1" applyBorder="1" applyAlignment="1">
      <alignment horizontal="center" vertical="center" textRotation="255"/>
    </xf>
    <xf numFmtId="0" fontId="4" fillId="0" borderId="11" xfId="0" applyFont="1" applyFill="1" applyBorder="1" applyAlignment="1">
      <alignment horizontal="center" vertical="center" textRotation="255"/>
    </xf>
    <xf numFmtId="0" fontId="3" fillId="0" borderId="18" xfId="5" applyFont="1" applyFill="1" applyBorder="1" applyAlignment="1">
      <alignment horizontal="center" vertical="center"/>
    </xf>
    <xf numFmtId="0" fontId="3" fillId="0" borderId="17" xfId="5" applyFont="1" applyFill="1" applyBorder="1" applyAlignment="1">
      <alignment horizontal="center" vertical="center"/>
    </xf>
    <xf numFmtId="0" fontId="3" fillId="0" borderId="22" xfId="5" applyFont="1" applyFill="1" applyBorder="1" applyAlignment="1">
      <alignment horizontal="center" vertical="center"/>
    </xf>
    <xf numFmtId="0" fontId="3" fillId="0" borderId="10" xfId="5" applyFont="1" applyFill="1" applyBorder="1" applyAlignment="1">
      <alignment horizontal="center" vertical="center"/>
    </xf>
    <xf numFmtId="0" fontId="3" fillId="0" borderId="15" xfId="5" applyFont="1" applyFill="1" applyBorder="1" applyAlignment="1">
      <alignment horizontal="center" vertical="center"/>
    </xf>
    <xf numFmtId="0" fontId="3" fillId="0" borderId="9" xfId="5" applyFont="1" applyFill="1" applyBorder="1" applyAlignment="1">
      <alignment horizontal="center" vertical="center"/>
    </xf>
    <xf numFmtId="0" fontId="8" fillId="0" borderId="15" xfId="4" applyFont="1" applyFill="1" applyBorder="1" applyAlignment="1">
      <alignment horizontal="center" vertical="center"/>
    </xf>
    <xf numFmtId="0" fontId="8" fillId="0" borderId="17" xfId="4" applyFont="1" applyFill="1" applyBorder="1" applyAlignment="1">
      <alignment horizontal="center" vertical="center"/>
    </xf>
    <xf numFmtId="0" fontId="8" fillId="0" borderId="0" xfId="4" applyFont="1" applyFill="1" applyBorder="1" applyAlignment="1">
      <alignment horizontal="center" vertical="center"/>
    </xf>
    <xf numFmtId="0" fontId="8" fillId="0" borderId="6" xfId="4" applyFont="1" applyFill="1" applyBorder="1" applyAlignment="1">
      <alignment horizontal="center" vertical="center"/>
    </xf>
    <xf numFmtId="0" fontId="8" fillId="0" borderId="9" xfId="4" applyFont="1" applyFill="1" applyBorder="1" applyAlignment="1">
      <alignment horizontal="center" vertical="center"/>
    </xf>
    <xf numFmtId="0" fontId="8" fillId="0" borderId="10" xfId="4" applyFont="1" applyFill="1" applyBorder="1" applyAlignment="1">
      <alignment horizontal="center" vertical="center"/>
    </xf>
    <xf numFmtId="0" fontId="8" fillId="0" borderId="21" xfId="4" applyFont="1" applyFill="1" applyBorder="1" applyAlignment="1">
      <alignment horizontal="center" vertical="center"/>
    </xf>
    <xf numFmtId="0" fontId="8" fillId="0" borderId="19" xfId="4" applyFont="1" applyFill="1" applyBorder="1" applyAlignment="1">
      <alignment horizontal="center" vertical="center"/>
    </xf>
    <xf numFmtId="0" fontId="8" fillId="0" borderId="20" xfId="4" applyFont="1" applyFill="1" applyBorder="1" applyAlignment="1">
      <alignment horizontal="center" vertical="center"/>
    </xf>
    <xf numFmtId="0" fontId="8" fillId="0" borderId="25" xfId="4" applyFont="1" applyFill="1" applyBorder="1" applyAlignment="1">
      <alignment horizontal="center" vertical="center"/>
    </xf>
    <xf numFmtId="0" fontId="8" fillId="0" borderId="24" xfId="4" applyFont="1" applyFill="1" applyBorder="1" applyAlignment="1">
      <alignment horizontal="center" vertical="center"/>
    </xf>
    <xf numFmtId="0" fontId="8" fillId="0" borderId="36" xfId="4" applyFont="1" applyFill="1" applyBorder="1" applyAlignment="1">
      <alignment horizontal="center" vertical="center"/>
    </xf>
    <xf numFmtId="0" fontId="4" fillId="0" borderId="37" xfId="4" applyFont="1" applyFill="1" applyBorder="1" applyAlignment="1">
      <alignment horizontal="center" vertical="center"/>
    </xf>
    <xf numFmtId="0" fontId="4" fillId="0" borderId="21" xfId="4" applyFont="1" applyFill="1" applyBorder="1" applyAlignment="1">
      <alignment horizontal="center" vertical="center"/>
    </xf>
    <xf numFmtId="0" fontId="4" fillId="0" borderId="9" xfId="4" applyFont="1" applyFill="1" applyBorder="1" applyAlignment="1">
      <alignment horizontal="center" vertical="center" shrinkToFit="1"/>
    </xf>
    <xf numFmtId="0" fontId="4" fillId="0" borderId="10" xfId="4" applyFont="1" applyFill="1" applyBorder="1" applyAlignment="1">
      <alignment horizontal="center" vertical="center" shrinkToFit="1"/>
    </xf>
    <xf numFmtId="0" fontId="4" fillId="0" borderId="0" xfId="4" quotePrefix="1" applyFont="1" applyFill="1" applyBorder="1" applyAlignment="1">
      <alignment horizontal="center"/>
    </xf>
    <xf numFmtId="0" fontId="4" fillId="0" borderId="6" xfId="4" quotePrefix="1" applyFont="1" applyFill="1" applyBorder="1" applyAlignment="1">
      <alignment horizontal="center"/>
    </xf>
    <xf numFmtId="0" fontId="4" fillId="0" borderId="0" xfId="4" applyFont="1" applyFill="1" applyBorder="1" applyAlignment="1">
      <alignment horizontal="center"/>
    </xf>
    <xf numFmtId="0" fontId="4" fillId="0" borderId="6" xfId="4" applyFont="1" applyFill="1" applyBorder="1" applyAlignment="1">
      <alignment horizontal="center"/>
    </xf>
    <xf numFmtId="0" fontId="4" fillId="0" borderId="15" xfId="4" applyFont="1" applyFill="1" applyBorder="1" applyAlignment="1">
      <alignment horizontal="center"/>
    </xf>
    <xf numFmtId="0" fontId="4" fillId="0" borderId="17" xfId="4" applyFont="1" applyFill="1" applyBorder="1" applyAlignment="1">
      <alignment horizontal="center"/>
    </xf>
    <xf numFmtId="0" fontId="4" fillId="0" borderId="14" xfId="4" applyFont="1" applyFill="1" applyBorder="1" applyAlignment="1">
      <alignment horizontal="center" vertical="center"/>
    </xf>
    <xf numFmtId="0" fontId="4" fillId="0" borderId="8" xfId="4" applyFont="1" applyFill="1" applyBorder="1" applyAlignment="1">
      <alignment horizontal="center" vertical="center"/>
    </xf>
    <xf numFmtId="0" fontId="8" fillId="0" borderId="6" xfId="0" applyFont="1" applyFill="1" applyBorder="1" applyAlignment="1">
      <alignment horizontal="center" vertical="top" wrapText="1"/>
    </xf>
    <xf numFmtId="0" fontId="8" fillId="0" borderId="6" xfId="0" applyFont="1" applyFill="1" applyBorder="1" applyAlignment="1">
      <alignment horizontal="center" vertical="top"/>
    </xf>
    <xf numFmtId="0" fontId="8" fillId="0" borderId="17" xfId="0" applyFont="1" applyFill="1" applyBorder="1" applyAlignment="1">
      <alignment horizontal="center" vertical="center" textRotation="255" wrapText="1"/>
    </xf>
    <xf numFmtId="0" fontId="8" fillId="0" borderId="6" xfId="0" applyFont="1" applyFill="1" applyBorder="1" applyAlignment="1">
      <alignment horizontal="center" vertical="center" textRotation="255"/>
    </xf>
    <xf numFmtId="0" fontId="4" fillId="0" borderId="21" xfId="0" applyFont="1" applyFill="1" applyBorder="1" applyAlignment="1">
      <alignment horizontal="center" vertical="center"/>
    </xf>
    <xf numFmtId="0" fontId="4" fillId="0" borderId="19" xfId="0" applyFont="1" applyFill="1" applyBorder="1" applyAlignment="1">
      <alignment horizontal="center" vertical="center"/>
    </xf>
    <xf numFmtId="0" fontId="4" fillId="0" borderId="20" xfId="0" applyFont="1" applyFill="1" applyBorder="1" applyAlignment="1">
      <alignment horizontal="center" vertical="center"/>
    </xf>
    <xf numFmtId="0" fontId="4" fillId="0" borderId="4" xfId="0" applyFont="1" applyFill="1" applyBorder="1" applyAlignment="1">
      <alignment horizontal="center" vertical="center"/>
    </xf>
    <xf numFmtId="0" fontId="4" fillId="0" borderId="22" xfId="0" applyFont="1" applyFill="1" applyBorder="1" applyAlignment="1">
      <alignment horizontal="center" vertical="center"/>
    </xf>
    <xf numFmtId="0" fontId="4" fillId="0" borderId="2" xfId="0" applyFont="1" applyFill="1" applyBorder="1" applyAlignment="1">
      <alignment horizontal="center" vertical="center" wrapText="1"/>
    </xf>
    <xf numFmtId="0" fontId="4" fillId="0" borderId="9" xfId="0" applyFont="1" applyFill="1" applyBorder="1" applyAlignment="1">
      <alignment horizontal="center" vertical="center" wrapText="1"/>
    </xf>
    <xf numFmtId="0" fontId="4" fillId="0" borderId="15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center" vertical="center"/>
    </xf>
    <xf numFmtId="0" fontId="4" fillId="0" borderId="9" xfId="0" applyFont="1" applyFill="1" applyBorder="1" applyAlignment="1">
      <alignment horizontal="center" vertical="center"/>
    </xf>
    <xf numFmtId="0" fontId="8" fillId="0" borderId="21" xfId="0" applyFont="1" applyFill="1" applyBorder="1" applyAlignment="1">
      <alignment horizontal="center" vertical="center"/>
    </xf>
    <xf numFmtId="0" fontId="8" fillId="0" borderId="19" xfId="0" applyFont="1" applyFill="1" applyBorder="1" applyAlignment="1">
      <alignment horizontal="center" vertical="center"/>
    </xf>
    <xf numFmtId="0" fontId="8" fillId="0" borderId="20" xfId="0" applyFont="1" applyFill="1" applyBorder="1" applyAlignment="1">
      <alignment horizontal="center" vertical="center"/>
    </xf>
    <xf numFmtId="0" fontId="4" fillId="0" borderId="18" xfId="4" applyFont="1" applyFill="1" applyBorder="1" applyAlignment="1">
      <alignment horizontal="center" vertical="center"/>
    </xf>
    <xf numFmtId="0" fontId="4" fillId="0" borderId="22" xfId="4" applyFont="1" applyFill="1" applyBorder="1" applyAlignment="1">
      <alignment horizontal="center" vertical="center"/>
    </xf>
    <xf numFmtId="0" fontId="4" fillId="0" borderId="0" xfId="4" applyFont="1" applyFill="1" applyBorder="1" applyAlignment="1">
      <alignment horizontal="center" vertical="center"/>
    </xf>
    <xf numFmtId="0" fontId="4" fillId="0" borderId="6" xfId="4" applyFont="1" applyFill="1" applyBorder="1" applyAlignment="1"/>
    <xf numFmtId="0" fontId="4" fillId="0" borderId="9" xfId="4" applyFont="1" applyFill="1" applyBorder="1" applyAlignment="1"/>
    <xf numFmtId="0" fontId="4" fillId="0" borderId="10" xfId="4" applyFont="1" applyFill="1" applyBorder="1" applyAlignment="1"/>
    <xf numFmtId="0" fontId="4" fillId="0" borderId="14" xfId="4" applyFont="1" applyFill="1" applyBorder="1" applyAlignment="1">
      <alignment horizontal="center" vertical="distributed"/>
    </xf>
    <xf numFmtId="0" fontId="4" fillId="0" borderId="8" xfId="4" applyFont="1" applyFill="1" applyBorder="1" applyAlignment="1">
      <alignment horizontal="center" vertical="distributed"/>
    </xf>
    <xf numFmtId="0" fontId="4" fillId="0" borderId="15" xfId="4" applyFont="1" applyFill="1" applyBorder="1" applyAlignment="1">
      <alignment horizontal="center" vertical="center"/>
    </xf>
    <xf numFmtId="0" fontId="4" fillId="0" borderId="17" xfId="4" applyFont="1" applyFill="1" applyBorder="1" applyAlignment="1">
      <alignment horizontal="center" vertical="center"/>
    </xf>
    <xf numFmtId="0" fontId="4" fillId="0" borderId="9" xfId="4" applyFont="1" applyFill="1" applyBorder="1" applyAlignment="1">
      <alignment horizontal="center" vertical="center"/>
    </xf>
    <xf numFmtId="0" fontId="4" fillId="0" borderId="10" xfId="4" applyFont="1" applyFill="1" applyBorder="1" applyAlignment="1">
      <alignment horizontal="center" vertical="center"/>
    </xf>
    <xf numFmtId="0" fontId="3" fillId="0" borderId="0" xfId="0" applyFont="1" applyFill="1" applyAlignment="1">
      <alignment horizontal="right"/>
    </xf>
    <xf numFmtId="3" fontId="14" fillId="0" borderId="21" xfId="4" applyNumberFormat="1" applyFont="1" applyFill="1" applyBorder="1" applyAlignment="1">
      <alignment horizontal="center" vertical="center"/>
    </xf>
    <xf numFmtId="3" fontId="14" fillId="0" borderId="19" xfId="4" applyNumberFormat="1" applyFont="1" applyFill="1" applyBorder="1" applyAlignment="1">
      <alignment horizontal="center" vertical="center"/>
    </xf>
    <xf numFmtId="3" fontId="14" fillId="0" borderId="40" xfId="4" applyNumberFormat="1" applyFont="1" applyFill="1" applyBorder="1" applyAlignment="1">
      <alignment horizontal="center" vertical="center"/>
    </xf>
    <xf numFmtId="3" fontId="14" fillId="0" borderId="20" xfId="4" applyNumberFormat="1" applyFont="1" applyFill="1" applyBorder="1" applyAlignment="1">
      <alignment horizontal="center" vertical="center"/>
    </xf>
    <xf numFmtId="0" fontId="14" fillId="0" borderId="21" xfId="4" applyFont="1" applyFill="1" applyBorder="1" applyAlignment="1">
      <alignment horizontal="center" vertical="center"/>
    </xf>
    <xf numFmtId="0" fontId="14" fillId="0" borderId="19" xfId="4" applyFont="1" applyFill="1" applyBorder="1" applyAlignment="1">
      <alignment horizontal="center" vertical="center"/>
    </xf>
    <xf numFmtId="0" fontId="14" fillId="0" borderId="40" xfId="4" applyFont="1" applyFill="1" applyBorder="1" applyAlignment="1">
      <alignment horizontal="center" vertical="center"/>
    </xf>
    <xf numFmtId="0" fontId="28" fillId="0" borderId="19" xfId="4" applyFont="1" applyFill="1" applyBorder="1" applyAlignment="1">
      <alignment horizontal="center" vertical="center"/>
    </xf>
    <xf numFmtId="0" fontId="28" fillId="0" borderId="40" xfId="4" applyFont="1" applyFill="1" applyBorder="1" applyAlignment="1">
      <alignment horizontal="center" vertical="center"/>
    </xf>
    <xf numFmtId="56" fontId="14" fillId="0" borderId="21" xfId="4" applyNumberFormat="1" applyFont="1" applyFill="1" applyBorder="1" applyAlignment="1">
      <alignment horizontal="center" vertical="center"/>
    </xf>
    <xf numFmtId="56" fontId="14" fillId="0" borderId="19" xfId="4" applyNumberFormat="1" applyFont="1" applyFill="1" applyBorder="1" applyAlignment="1">
      <alignment horizontal="center" vertical="center"/>
    </xf>
    <xf numFmtId="56" fontId="14" fillId="0" borderId="40" xfId="4" applyNumberFormat="1" applyFont="1" applyFill="1" applyBorder="1" applyAlignment="1">
      <alignment horizontal="center" vertical="center"/>
    </xf>
    <xf numFmtId="56" fontId="28" fillId="0" borderId="19" xfId="4" applyNumberFormat="1" applyFont="1" applyFill="1" applyBorder="1" applyAlignment="1">
      <alignment horizontal="center" vertical="center"/>
    </xf>
    <xf numFmtId="56" fontId="28" fillId="0" borderId="40" xfId="4" applyNumberFormat="1" applyFont="1" applyFill="1" applyBorder="1" applyAlignment="1">
      <alignment horizontal="center" vertical="center"/>
    </xf>
    <xf numFmtId="0" fontId="9" fillId="0" borderId="9" xfId="5" applyFont="1" applyFill="1" applyBorder="1" applyAlignment="1">
      <alignment horizontal="center" vertical="center"/>
    </xf>
    <xf numFmtId="0" fontId="9" fillId="0" borderId="10" xfId="5" applyFont="1" applyFill="1" applyBorder="1" applyAlignment="1">
      <alignment horizontal="center" vertical="center"/>
    </xf>
    <xf numFmtId="0" fontId="9" fillId="0" borderId="21" xfId="5" applyFont="1" applyFill="1" applyBorder="1" applyAlignment="1">
      <alignment horizontal="center" vertical="center"/>
    </xf>
    <xf numFmtId="0" fontId="9" fillId="0" borderId="19" xfId="5" applyFont="1" applyFill="1" applyBorder="1" applyAlignment="1">
      <alignment horizontal="center" vertical="center"/>
    </xf>
    <xf numFmtId="0" fontId="9" fillId="0" borderId="20" xfId="5" applyFont="1" applyFill="1" applyBorder="1" applyAlignment="1">
      <alignment horizontal="center" vertical="center"/>
    </xf>
    <xf numFmtId="0" fontId="9" fillId="0" borderId="18" xfId="5" applyFont="1" applyFill="1" applyBorder="1" applyAlignment="1">
      <alignment horizontal="center" vertical="center"/>
    </xf>
    <xf numFmtId="0" fontId="9" fillId="0" borderId="5" xfId="5" applyFont="1" applyFill="1" applyBorder="1" applyAlignment="1">
      <alignment horizontal="center" vertical="center"/>
    </xf>
    <xf numFmtId="0" fontId="9" fillId="0" borderId="22" xfId="5" applyFont="1" applyFill="1" applyBorder="1" applyAlignment="1">
      <alignment horizontal="center" vertical="center"/>
    </xf>
    <xf numFmtId="0" fontId="9" fillId="0" borderId="7" xfId="5" applyFont="1" applyFill="1" applyBorder="1" applyAlignment="1">
      <alignment horizontal="center" vertical="center"/>
    </xf>
    <xf numFmtId="0" fontId="4" fillId="0" borderId="6" xfId="4" applyFont="1" applyFill="1" applyBorder="1" applyAlignment="1">
      <alignment horizontal="center" vertical="center" textRotation="255"/>
    </xf>
    <xf numFmtId="0" fontId="4" fillId="0" borderId="1" xfId="4" applyFont="1" applyFill="1" applyBorder="1" applyAlignment="1">
      <alignment horizontal="center" vertical="center" textRotation="255"/>
    </xf>
    <xf numFmtId="0" fontId="8" fillId="0" borderId="1" xfId="4" applyFont="1" applyFill="1" applyBorder="1" applyAlignment="1">
      <alignment horizontal="center" vertical="center"/>
    </xf>
    <xf numFmtId="0" fontId="8" fillId="0" borderId="5" xfId="4" applyFont="1" applyFill="1" applyBorder="1" applyAlignment="1">
      <alignment horizontal="center" vertical="center"/>
    </xf>
    <xf numFmtId="0" fontId="8" fillId="0" borderId="22" xfId="4" applyFont="1" applyFill="1" applyBorder="1" applyAlignment="1">
      <alignment horizontal="center" vertical="center"/>
    </xf>
    <xf numFmtId="0" fontId="14" fillId="0" borderId="1" xfId="4" applyFont="1" applyFill="1" applyBorder="1" applyAlignment="1">
      <alignment horizontal="center" vertical="center" wrapText="1"/>
    </xf>
    <xf numFmtId="0" fontId="14" fillId="0" borderId="1" xfId="4" applyFont="1" applyFill="1" applyBorder="1" applyAlignment="1">
      <alignment horizontal="center" vertical="center"/>
    </xf>
    <xf numFmtId="0" fontId="14" fillId="0" borderId="11" xfId="4" applyFont="1" applyFill="1" applyBorder="1" applyAlignment="1">
      <alignment horizontal="center" vertical="center"/>
    </xf>
    <xf numFmtId="0" fontId="3" fillId="0" borderId="0" xfId="4" applyFont="1" applyFill="1" applyBorder="1" applyAlignment="1">
      <alignment horizontal="center" vertical="center"/>
    </xf>
    <xf numFmtId="0" fontId="3" fillId="0" borderId="1" xfId="4" applyFont="1" applyFill="1" applyBorder="1" applyAlignment="1">
      <alignment horizontal="center" vertical="center"/>
    </xf>
    <xf numFmtId="0" fontId="28" fillId="0" borderId="5" xfId="4" applyFont="1" applyFill="1" applyBorder="1" applyAlignment="1">
      <alignment horizontal="center" vertical="center"/>
    </xf>
    <xf numFmtId="0" fontId="28" fillId="0" borderId="6" xfId="4" applyFont="1" applyFill="1" applyBorder="1" applyAlignment="1">
      <alignment horizontal="center" vertical="center"/>
    </xf>
    <xf numFmtId="0" fontId="28" fillId="0" borderId="22" xfId="4" applyFont="1" applyFill="1" applyBorder="1" applyAlignment="1">
      <alignment horizontal="center"/>
    </xf>
    <xf numFmtId="0" fontId="28" fillId="0" borderId="10" xfId="4" applyFont="1" applyFill="1" applyBorder="1" applyAlignment="1">
      <alignment horizontal="center"/>
    </xf>
    <xf numFmtId="0" fontId="46" fillId="0" borderId="4" xfId="4" applyFont="1" applyFill="1" applyBorder="1" applyAlignment="1">
      <alignment horizontal="center"/>
    </xf>
    <xf numFmtId="0" fontId="46" fillId="0" borderId="2" xfId="4" applyFont="1" applyFill="1" applyBorder="1" applyAlignment="1">
      <alignment horizontal="center"/>
    </xf>
    <xf numFmtId="0" fontId="46" fillId="0" borderId="7" xfId="4" applyFont="1" applyFill="1" applyBorder="1" applyAlignment="1">
      <alignment horizontal="center"/>
    </xf>
    <xf numFmtId="0" fontId="46" fillId="0" borderId="22" xfId="4" applyFont="1" applyFill="1" applyBorder="1" applyAlignment="1">
      <alignment horizontal="center" vertical="center"/>
    </xf>
    <xf numFmtId="0" fontId="46" fillId="0" borderId="9" xfId="4" applyFont="1" applyFill="1" applyBorder="1" applyAlignment="1">
      <alignment horizontal="center" vertical="center"/>
    </xf>
    <xf numFmtId="0" fontId="46" fillId="0" borderId="10" xfId="4" applyFont="1" applyFill="1" applyBorder="1" applyAlignment="1">
      <alignment horizontal="center" vertical="center"/>
    </xf>
    <xf numFmtId="0" fontId="46" fillId="0" borderId="5" xfId="4" applyFont="1" applyFill="1" applyBorder="1" applyAlignment="1">
      <alignment horizontal="center"/>
    </xf>
    <xf numFmtId="0" fontId="46" fillId="0" borderId="0" xfId="4" applyFont="1" applyFill="1" applyBorder="1" applyAlignment="1">
      <alignment horizontal="center"/>
    </xf>
    <xf numFmtId="0" fontId="46" fillId="0" borderId="6" xfId="4" applyFont="1" applyFill="1" applyBorder="1" applyAlignment="1">
      <alignment horizontal="center"/>
    </xf>
    <xf numFmtId="0" fontId="4" fillId="0" borderId="17" xfId="4" applyFont="1" applyFill="1" applyBorder="1" applyAlignment="1">
      <alignment horizontal="center" vertical="center" wrapText="1"/>
    </xf>
    <xf numFmtId="0" fontId="4" fillId="0" borderId="6" xfId="4" applyFont="1" applyFill="1" applyBorder="1" applyAlignment="1">
      <alignment horizontal="center" vertical="center"/>
    </xf>
    <xf numFmtId="0" fontId="3" fillId="0" borderId="6" xfId="4" applyFont="1" applyFill="1" applyBorder="1" applyAlignment="1">
      <alignment horizontal="center" vertical="top" textRotation="255"/>
    </xf>
    <xf numFmtId="0" fontId="3" fillId="0" borderId="13" xfId="4" applyFont="1" applyFill="1" applyBorder="1" applyAlignment="1">
      <alignment horizontal="center" vertical="top" textRotation="255"/>
    </xf>
    <xf numFmtId="0" fontId="3" fillId="0" borderId="1" xfId="4" applyFont="1" applyFill="1" applyBorder="1" applyAlignment="1">
      <alignment horizontal="center" vertical="top" textRotation="255"/>
    </xf>
    <xf numFmtId="0" fontId="3" fillId="0" borderId="10" xfId="4" applyFont="1" applyFill="1" applyBorder="1" applyAlignment="1">
      <alignment horizontal="center" vertical="top" textRotation="255"/>
    </xf>
    <xf numFmtId="0" fontId="3" fillId="0" borderId="11" xfId="4" applyFont="1" applyFill="1" applyBorder="1" applyAlignment="1">
      <alignment horizontal="center" vertical="top" textRotation="255"/>
    </xf>
    <xf numFmtId="0" fontId="24" fillId="0" borderId="0" xfId="4" applyFont="1" applyFill="1" applyBorder="1" applyAlignment="1">
      <alignment horizontal="center"/>
    </xf>
    <xf numFmtId="0" fontId="24" fillId="0" borderId="6" xfId="4" applyFont="1" applyFill="1" applyBorder="1" applyAlignment="1">
      <alignment horizontal="center"/>
    </xf>
    <xf numFmtId="0" fontId="12" fillId="0" borderId="0" xfId="4" applyFont="1" applyFill="1" applyBorder="1" applyAlignment="1">
      <alignment horizontal="distributed"/>
    </xf>
    <xf numFmtId="0" fontId="3" fillId="0" borderId="6" xfId="4" applyFont="1" applyFill="1" applyBorder="1" applyAlignment="1">
      <alignment horizontal="distributed"/>
    </xf>
    <xf numFmtId="0" fontId="12" fillId="0" borderId="0" xfId="4" quotePrefix="1" applyFont="1" applyFill="1" applyBorder="1" applyAlignment="1">
      <alignment horizontal="distributed"/>
    </xf>
    <xf numFmtId="0" fontId="12" fillId="0" borderId="6" xfId="4" quotePrefix="1" applyFont="1" applyFill="1" applyBorder="1" applyAlignment="1">
      <alignment horizontal="distributed"/>
    </xf>
    <xf numFmtId="0" fontId="3" fillId="0" borderId="0" xfId="4" applyFont="1" applyFill="1" applyBorder="1" applyAlignment="1">
      <alignment horizontal="left"/>
    </xf>
    <xf numFmtId="0" fontId="3" fillId="0" borderId="6" xfId="4" applyFont="1" applyFill="1" applyBorder="1" applyAlignment="1">
      <alignment horizontal="left"/>
    </xf>
    <xf numFmtId="0" fontId="47" fillId="0" borderId="15" xfId="4" applyFont="1" applyFill="1" applyBorder="1" applyAlignment="1">
      <alignment horizontal="center" vertical="center"/>
    </xf>
    <xf numFmtId="0" fontId="47" fillId="0" borderId="17" xfId="4" applyFont="1" applyFill="1" applyBorder="1" applyAlignment="1">
      <alignment horizontal="center" vertical="center"/>
    </xf>
    <xf numFmtId="0" fontId="47" fillId="0" borderId="9" xfId="4" applyFont="1" applyFill="1" applyBorder="1" applyAlignment="1">
      <alignment horizontal="center" vertical="center"/>
    </xf>
    <xf numFmtId="0" fontId="47" fillId="0" borderId="10" xfId="4" applyFont="1" applyFill="1" applyBorder="1" applyAlignment="1">
      <alignment horizontal="center" vertical="center"/>
    </xf>
    <xf numFmtId="0" fontId="4" fillId="0" borderId="21" xfId="4" applyFont="1" applyFill="1" applyBorder="1" applyAlignment="1">
      <alignment horizontal="center"/>
    </xf>
    <xf numFmtId="0" fontId="4" fillId="0" borderId="19" xfId="4" applyFont="1" applyFill="1" applyBorder="1" applyAlignment="1">
      <alignment horizontal="center"/>
    </xf>
    <xf numFmtId="0" fontId="4" fillId="0" borderId="20" xfId="4" applyFont="1" applyFill="1" applyBorder="1" applyAlignment="1">
      <alignment horizontal="center"/>
    </xf>
    <xf numFmtId="0" fontId="4" fillId="0" borderId="21" xfId="4" quotePrefix="1" applyFont="1" applyFill="1" applyBorder="1" applyAlignment="1">
      <alignment horizontal="center"/>
    </xf>
    <xf numFmtId="0" fontId="4" fillId="0" borderId="19" xfId="4" quotePrefix="1" applyFont="1" applyFill="1" applyBorder="1" applyAlignment="1">
      <alignment horizontal="center"/>
    </xf>
    <xf numFmtId="0" fontId="4" fillId="0" borderId="20" xfId="4" quotePrefix="1" applyFont="1" applyFill="1" applyBorder="1" applyAlignment="1">
      <alignment horizontal="center"/>
    </xf>
  </cellXfs>
  <cellStyles count="9">
    <cellStyle name="桁区切り" xfId="1" builtinId="6"/>
    <cellStyle name="桁区切り 2" xfId="2"/>
    <cellStyle name="標準" xfId="0" builtinId="0"/>
    <cellStyle name="標準 2" xfId="3"/>
    <cellStyle name="標準 3" xfId="4"/>
    <cellStyle name="標準 3 2" xfId="6"/>
    <cellStyle name="標準 4" xfId="5"/>
    <cellStyle name="標準 4 2" xfId="7"/>
    <cellStyle name="標準_Book1" xfId="8"/>
  </cellStyles>
  <dxfs count="0"/>
  <tableStyles count="0" defaultTableStyle="TableStyleMedium9" defaultPivotStyle="PivotStyleLight16"/>
  <colors>
    <mruColors>
      <color rgb="FFFF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34" Type="http://schemas.openxmlformats.org/officeDocument/2006/relationships/styles" Target="styles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theme" Target="theme/theme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worksheet" Target="worksheets/sheet3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sharedStrings" Target="sharedStrings.xml"/><Relationship Id="rId8" Type="http://schemas.openxmlformats.org/officeDocument/2006/relationships/worksheet" Target="worksheets/sheet8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46</xdr:row>
      <xdr:rowOff>104775</xdr:rowOff>
    </xdr:from>
    <xdr:to>
      <xdr:col>6</xdr:col>
      <xdr:colOff>843114</xdr:colOff>
      <xdr:row>58</xdr:row>
      <xdr:rowOff>95863</xdr:rowOff>
    </xdr:to>
    <xdr:grpSp>
      <xdr:nvGrpSpPr>
        <xdr:cNvPr id="23" name="グループ化 22"/>
        <xdr:cNvGrpSpPr/>
      </xdr:nvGrpSpPr>
      <xdr:grpSpPr>
        <a:xfrm>
          <a:off x="0" y="7496175"/>
          <a:ext cx="4291164" cy="1781788"/>
          <a:chOff x="0" y="7841658"/>
          <a:chExt cx="4291164" cy="1781788"/>
        </a:xfrm>
      </xdr:grpSpPr>
      <xdr:grpSp>
        <xdr:nvGrpSpPr>
          <xdr:cNvPr id="24" name="グループ化 23"/>
          <xdr:cNvGrpSpPr/>
        </xdr:nvGrpSpPr>
        <xdr:grpSpPr>
          <a:xfrm>
            <a:off x="367691" y="7841658"/>
            <a:ext cx="3923473" cy="1781788"/>
            <a:chOff x="403912" y="7858928"/>
            <a:chExt cx="3921934" cy="1740015"/>
          </a:xfrm>
        </xdr:grpSpPr>
        <xdr:grpSp>
          <xdr:nvGrpSpPr>
            <xdr:cNvPr id="26" name="グループ化 25"/>
            <xdr:cNvGrpSpPr/>
          </xdr:nvGrpSpPr>
          <xdr:grpSpPr>
            <a:xfrm>
              <a:off x="406194" y="8678293"/>
              <a:ext cx="3917472" cy="498326"/>
              <a:chOff x="5890821" y="7858151"/>
              <a:chExt cx="3919929" cy="544350"/>
            </a:xfrm>
          </xdr:grpSpPr>
          <xdr:sp macro="" textlink="">
            <xdr:nvSpPr>
              <xdr:cNvPr id="42" name="テキスト ボックス 41"/>
              <xdr:cNvSpPr txBox="1"/>
            </xdr:nvSpPr>
            <xdr:spPr>
              <a:xfrm>
                <a:off x="7286625" y="7858151"/>
                <a:ext cx="2076451" cy="544350"/>
              </a:xfrm>
              <a:prstGeom prst="rect">
                <a:avLst/>
              </a:prstGeom>
              <a:noFill/>
              <a:ln w="9525" cmpd="sng">
                <a:noFill/>
              </a:ln>
            </xdr:spPr>
            <xdr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xdr:style>
            <xdr:txBody>
              <a:bodyPr vertOverflow="clip" horzOverflow="clip" wrap="square" rtlCol="0" anchor="t"/>
              <a:lstStyle/>
              <a:p>
                <a:pPr algn="ctr"/>
                <a:r>
                  <a:rPr kumimoji="1" lang="ja-JP" altLang="en-US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年少人口＋老年人口</a:t>
                </a:r>
                <a:endParaRPr kumimoji="1" lang="en-US" altLang="ja-JP" sz="1000">
                  <a:latin typeface="ＭＳ Ｐ明朝" panose="02020600040205080304" pitchFamily="18" charset="-128"/>
                  <a:ea typeface="ＭＳ Ｐ明朝" panose="02020600040205080304" pitchFamily="18" charset="-128"/>
                </a:endParaRPr>
              </a:p>
              <a:p>
                <a:pPr algn="ctr"/>
                <a:r>
                  <a:rPr kumimoji="1" lang="ja-JP" altLang="en-US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生産年齢人口</a:t>
                </a:r>
              </a:p>
            </xdr:txBody>
          </xdr:sp>
          <xdr:cxnSp macro="">
            <xdr:nvCxnSpPr>
              <xdr:cNvPr id="43" name="直線コネクタ 42"/>
              <xdr:cNvCxnSpPr/>
            </xdr:nvCxnSpPr>
            <xdr:spPr>
              <a:xfrm>
                <a:off x="7524750" y="8089016"/>
                <a:ext cx="1628775" cy="0"/>
              </a:xfrm>
              <a:prstGeom prst="line">
                <a:avLst/>
              </a:prstGeom>
              <a:ln>
                <a:solidFill>
                  <a:schemeClr val="tx1"/>
                </a:solidFill>
              </a:ln>
            </xdr:spPr>
            <xdr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xdr:style>
          </xdr:cxnSp>
          <xdr:sp macro="" textlink="">
            <xdr:nvSpPr>
              <xdr:cNvPr id="44" name="テキスト ボックス 43"/>
              <xdr:cNvSpPr txBox="1"/>
            </xdr:nvSpPr>
            <xdr:spPr>
              <a:xfrm>
                <a:off x="9220201" y="7962900"/>
                <a:ext cx="590549" cy="333375"/>
              </a:xfrm>
              <a:prstGeom prst="rect">
                <a:avLst/>
              </a:prstGeom>
              <a:noFill/>
              <a:ln w="9525" cmpd="sng">
                <a:noFill/>
              </a:ln>
            </xdr:spPr>
            <xdr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xdr:style>
            <xdr:txBody>
              <a:bodyPr vertOverflow="clip" horzOverflow="clip" wrap="square" rtlCol="0" anchor="t"/>
              <a:lstStyle/>
              <a:p>
                <a:pPr algn="ctr"/>
                <a:r>
                  <a:rPr kumimoji="1" lang="en-US" altLang="ja-JP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×100</a:t>
                </a:r>
                <a:endParaRPr kumimoji="1" lang="ja-JP" altLang="en-US" sz="1000">
                  <a:latin typeface="ＭＳ Ｐ明朝" panose="02020600040205080304" pitchFamily="18" charset="-128"/>
                  <a:ea typeface="ＭＳ Ｐ明朝" panose="02020600040205080304" pitchFamily="18" charset="-128"/>
                </a:endParaRPr>
              </a:p>
            </xdr:txBody>
          </xdr:sp>
          <xdr:sp macro="" textlink="">
            <xdr:nvSpPr>
              <xdr:cNvPr id="45" name="テキスト ボックス 44"/>
              <xdr:cNvSpPr txBox="1"/>
            </xdr:nvSpPr>
            <xdr:spPr>
              <a:xfrm>
                <a:off x="5890821" y="7953375"/>
                <a:ext cx="1581149" cy="333375"/>
              </a:xfrm>
              <a:prstGeom prst="rect">
                <a:avLst/>
              </a:prstGeom>
              <a:noFill/>
              <a:ln w="9525" cmpd="sng">
                <a:noFill/>
              </a:ln>
            </xdr:spPr>
            <xdr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xdr:style>
            <xdr:txBody>
              <a:bodyPr vertOverflow="clip" horzOverflow="clip" wrap="square" rtlCol="0" anchor="t"/>
              <a:lstStyle/>
              <a:p>
                <a:pPr algn="l"/>
                <a:r>
                  <a:rPr kumimoji="1" lang="ja-JP" altLang="en-US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３　　従属人口指数　＝</a:t>
                </a:r>
                <a:endParaRPr kumimoji="1" lang="en-US" altLang="ja-JP" sz="1000">
                  <a:latin typeface="ＭＳ Ｐ明朝" panose="02020600040205080304" pitchFamily="18" charset="-128"/>
                  <a:ea typeface="ＭＳ Ｐ明朝" panose="02020600040205080304" pitchFamily="18" charset="-128"/>
                </a:endParaRPr>
              </a:p>
            </xdr:txBody>
          </xdr:sp>
        </xdr:grpSp>
        <xdr:grpSp>
          <xdr:nvGrpSpPr>
            <xdr:cNvPr id="27" name="グループ化 26"/>
            <xdr:cNvGrpSpPr/>
          </xdr:nvGrpSpPr>
          <xdr:grpSpPr>
            <a:xfrm>
              <a:off x="406198" y="7858928"/>
              <a:ext cx="3917472" cy="551476"/>
              <a:chOff x="5890822" y="7863494"/>
              <a:chExt cx="3919928" cy="577618"/>
            </a:xfrm>
          </xdr:grpSpPr>
          <xdr:sp macro="" textlink="">
            <xdr:nvSpPr>
              <xdr:cNvPr id="38" name="テキスト ボックス 37"/>
              <xdr:cNvSpPr txBox="1"/>
            </xdr:nvSpPr>
            <xdr:spPr>
              <a:xfrm>
                <a:off x="7286625" y="7863494"/>
                <a:ext cx="2076451" cy="577618"/>
              </a:xfrm>
              <a:prstGeom prst="rect">
                <a:avLst/>
              </a:prstGeom>
              <a:noFill/>
              <a:ln w="9525" cmpd="sng">
                <a:noFill/>
              </a:ln>
            </xdr:spPr>
            <xdr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xdr:style>
            <xdr:txBody>
              <a:bodyPr vertOverflow="clip" horzOverflow="clip" wrap="square" rtlCol="0" anchor="t"/>
              <a:lstStyle/>
              <a:p>
                <a:pPr algn="ctr"/>
                <a:r>
                  <a:rPr kumimoji="1" lang="ja-JP" altLang="en-US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年少人口</a:t>
                </a:r>
                <a:endParaRPr kumimoji="1" lang="en-US" altLang="ja-JP" sz="1000">
                  <a:latin typeface="ＭＳ Ｐ明朝" panose="02020600040205080304" pitchFamily="18" charset="-128"/>
                  <a:ea typeface="ＭＳ Ｐ明朝" panose="02020600040205080304" pitchFamily="18" charset="-128"/>
                </a:endParaRPr>
              </a:p>
              <a:p>
                <a:pPr algn="ctr"/>
                <a:r>
                  <a:rPr kumimoji="1" lang="ja-JP" altLang="en-US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生産年齢人口</a:t>
                </a:r>
              </a:p>
            </xdr:txBody>
          </xdr:sp>
          <xdr:cxnSp macro="">
            <xdr:nvCxnSpPr>
              <xdr:cNvPr id="39" name="直線コネクタ 38"/>
              <xdr:cNvCxnSpPr/>
            </xdr:nvCxnSpPr>
            <xdr:spPr>
              <a:xfrm>
                <a:off x="7524750" y="8095846"/>
                <a:ext cx="1628775" cy="0"/>
              </a:xfrm>
              <a:prstGeom prst="line">
                <a:avLst/>
              </a:prstGeom>
              <a:ln>
                <a:solidFill>
                  <a:schemeClr val="tx1"/>
                </a:solidFill>
              </a:ln>
            </xdr:spPr>
            <xdr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xdr:style>
          </xdr:cxnSp>
          <xdr:sp macro="" textlink="">
            <xdr:nvSpPr>
              <xdr:cNvPr id="40" name="テキスト ボックス 39"/>
              <xdr:cNvSpPr txBox="1"/>
            </xdr:nvSpPr>
            <xdr:spPr>
              <a:xfrm>
                <a:off x="9220201" y="7962900"/>
                <a:ext cx="590549" cy="333375"/>
              </a:xfrm>
              <a:prstGeom prst="rect">
                <a:avLst/>
              </a:prstGeom>
              <a:noFill/>
              <a:ln w="9525" cmpd="sng">
                <a:noFill/>
              </a:ln>
            </xdr:spPr>
            <xdr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xdr:style>
            <xdr:txBody>
              <a:bodyPr vertOverflow="clip" horzOverflow="clip" wrap="square" rtlCol="0" anchor="t"/>
              <a:lstStyle/>
              <a:p>
                <a:pPr algn="ctr"/>
                <a:r>
                  <a:rPr kumimoji="1" lang="en-US" altLang="ja-JP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×100</a:t>
                </a:r>
                <a:endParaRPr kumimoji="1" lang="ja-JP" altLang="en-US" sz="1000">
                  <a:latin typeface="ＭＳ Ｐ明朝" panose="02020600040205080304" pitchFamily="18" charset="-128"/>
                  <a:ea typeface="ＭＳ Ｐ明朝" panose="02020600040205080304" pitchFamily="18" charset="-128"/>
                </a:endParaRPr>
              </a:p>
            </xdr:txBody>
          </xdr:sp>
          <xdr:sp macro="" textlink="">
            <xdr:nvSpPr>
              <xdr:cNvPr id="41" name="テキスト ボックス 40"/>
              <xdr:cNvSpPr txBox="1"/>
            </xdr:nvSpPr>
            <xdr:spPr>
              <a:xfrm>
                <a:off x="5890822" y="7953375"/>
                <a:ext cx="1581149" cy="333375"/>
              </a:xfrm>
              <a:prstGeom prst="rect">
                <a:avLst/>
              </a:prstGeom>
              <a:noFill/>
              <a:ln w="9525" cmpd="sng">
                <a:noFill/>
              </a:ln>
            </xdr:spPr>
            <xdr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xdr:style>
            <xdr:txBody>
              <a:bodyPr vertOverflow="clip" horzOverflow="clip" wrap="square" rtlCol="0" anchor="t"/>
              <a:lstStyle/>
              <a:p>
                <a:pPr algn="l"/>
                <a:r>
                  <a:rPr kumimoji="1" lang="ja-JP" altLang="en-US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１　　年少人口指数　＝</a:t>
                </a:r>
                <a:endParaRPr kumimoji="1" lang="en-US" altLang="ja-JP" sz="1000">
                  <a:latin typeface="ＭＳ Ｐ明朝" panose="02020600040205080304" pitchFamily="18" charset="-128"/>
                  <a:ea typeface="ＭＳ Ｐ明朝" panose="02020600040205080304" pitchFamily="18" charset="-128"/>
                </a:endParaRPr>
              </a:p>
            </xdr:txBody>
          </xdr:sp>
        </xdr:grpSp>
        <xdr:grpSp>
          <xdr:nvGrpSpPr>
            <xdr:cNvPr id="28" name="グループ化 27"/>
            <xdr:cNvGrpSpPr/>
          </xdr:nvGrpSpPr>
          <xdr:grpSpPr>
            <a:xfrm>
              <a:off x="405932" y="8272549"/>
              <a:ext cx="3912549" cy="538381"/>
              <a:chOff x="5895231" y="7872477"/>
              <a:chExt cx="3919846" cy="580813"/>
            </a:xfrm>
          </xdr:grpSpPr>
          <xdr:sp macro="" textlink="">
            <xdr:nvSpPr>
              <xdr:cNvPr id="34" name="テキスト ボックス 33"/>
              <xdr:cNvSpPr txBox="1"/>
            </xdr:nvSpPr>
            <xdr:spPr>
              <a:xfrm>
                <a:off x="7286625" y="7872477"/>
                <a:ext cx="2076451" cy="580813"/>
              </a:xfrm>
              <a:prstGeom prst="rect">
                <a:avLst/>
              </a:prstGeom>
              <a:noFill/>
              <a:ln w="9525" cmpd="sng">
                <a:noFill/>
              </a:ln>
            </xdr:spPr>
            <xdr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xdr:style>
            <xdr:txBody>
              <a:bodyPr vertOverflow="clip" horzOverflow="clip" wrap="square" rtlCol="0" anchor="t"/>
              <a:lstStyle/>
              <a:p>
                <a:pPr algn="ctr"/>
                <a:r>
                  <a:rPr kumimoji="1" lang="ja-JP" altLang="en-US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老年人口</a:t>
                </a:r>
                <a:endParaRPr kumimoji="1" lang="en-US" altLang="ja-JP" sz="1000">
                  <a:latin typeface="ＭＳ Ｐ明朝" panose="02020600040205080304" pitchFamily="18" charset="-128"/>
                  <a:ea typeface="ＭＳ Ｐ明朝" panose="02020600040205080304" pitchFamily="18" charset="-128"/>
                </a:endParaRPr>
              </a:p>
              <a:p>
                <a:pPr algn="ctr"/>
                <a:r>
                  <a:rPr kumimoji="1" lang="ja-JP" altLang="en-US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生産年齢人口</a:t>
                </a:r>
              </a:p>
            </xdr:txBody>
          </xdr:sp>
          <xdr:cxnSp macro="">
            <xdr:nvCxnSpPr>
              <xdr:cNvPr id="35" name="直線コネクタ 34"/>
              <xdr:cNvCxnSpPr/>
            </xdr:nvCxnSpPr>
            <xdr:spPr>
              <a:xfrm>
                <a:off x="7524750" y="8100374"/>
                <a:ext cx="1628775" cy="0"/>
              </a:xfrm>
              <a:prstGeom prst="line">
                <a:avLst/>
              </a:prstGeom>
              <a:ln>
                <a:solidFill>
                  <a:schemeClr val="tx1"/>
                </a:solidFill>
              </a:ln>
            </xdr:spPr>
            <xdr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xdr:style>
          </xdr:cxnSp>
          <xdr:sp macro="" textlink="">
            <xdr:nvSpPr>
              <xdr:cNvPr id="36" name="テキスト ボックス 35"/>
              <xdr:cNvSpPr txBox="1"/>
            </xdr:nvSpPr>
            <xdr:spPr>
              <a:xfrm>
                <a:off x="9224528" y="7962900"/>
                <a:ext cx="590549" cy="333375"/>
              </a:xfrm>
              <a:prstGeom prst="rect">
                <a:avLst/>
              </a:prstGeom>
              <a:noFill/>
              <a:ln w="9525" cmpd="sng">
                <a:noFill/>
              </a:ln>
            </xdr:spPr>
            <xdr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xdr:style>
            <xdr:txBody>
              <a:bodyPr vertOverflow="clip" horzOverflow="clip" wrap="square" rtlCol="0" anchor="t"/>
              <a:lstStyle/>
              <a:p>
                <a:pPr algn="ctr"/>
                <a:r>
                  <a:rPr kumimoji="1" lang="en-US" altLang="ja-JP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×100</a:t>
                </a:r>
                <a:endParaRPr kumimoji="1" lang="ja-JP" altLang="en-US" sz="1000">
                  <a:latin typeface="ＭＳ Ｐ明朝" panose="02020600040205080304" pitchFamily="18" charset="-128"/>
                  <a:ea typeface="ＭＳ Ｐ明朝" panose="02020600040205080304" pitchFamily="18" charset="-128"/>
                </a:endParaRPr>
              </a:p>
            </xdr:txBody>
          </xdr:sp>
          <xdr:sp macro="" textlink="">
            <xdr:nvSpPr>
              <xdr:cNvPr id="37" name="テキスト ボックス 36"/>
              <xdr:cNvSpPr txBox="1"/>
            </xdr:nvSpPr>
            <xdr:spPr>
              <a:xfrm>
                <a:off x="5895231" y="7953375"/>
                <a:ext cx="1581149" cy="333375"/>
              </a:xfrm>
              <a:prstGeom prst="rect">
                <a:avLst/>
              </a:prstGeom>
              <a:noFill/>
              <a:ln w="9525" cmpd="sng">
                <a:noFill/>
              </a:ln>
            </xdr:spPr>
            <xdr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xdr:style>
            <xdr:txBody>
              <a:bodyPr vertOverflow="clip" horzOverflow="clip" wrap="square" rtlCol="0" anchor="t"/>
              <a:lstStyle/>
              <a:p>
                <a:pPr algn="l"/>
                <a:r>
                  <a:rPr kumimoji="1" lang="ja-JP" altLang="en-US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２　　老年人口指数　＝</a:t>
                </a:r>
                <a:endParaRPr kumimoji="1" lang="en-US" altLang="ja-JP" sz="1000">
                  <a:latin typeface="ＭＳ Ｐ明朝" panose="02020600040205080304" pitchFamily="18" charset="-128"/>
                  <a:ea typeface="ＭＳ Ｐ明朝" panose="02020600040205080304" pitchFamily="18" charset="-128"/>
                </a:endParaRPr>
              </a:p>
            </xdr:txBody>
          </xdr:sp>
        </xdr:grpSp>
        <xdr:grpSp>
          <xdr:nvGrpSpPr>
            <xdr:cNvPr id="29" name="グループ化 28"/>
            <xdr:cNvGrpSpPr/>
          </xdr:nvGrpSpPr>
          <xdr:grpSpPr>
            <a:xfrm>
              <a:off x="403912" y="9093705"/>
              <a:ext cx="3921934" cy="505238"/>
              <a:chOff x="5962245" y="7860963"/>
              <a:chExt cx="3924204" cy="564998"/>
            </a:xfrm>
          </xdr:grpSpPr>
          <xdr:sp macro="" textlink="">
            <xdr:nvSpPr>
              <xdr:cNvPr id="30" name="テキスト ボックス 29"/>
              <xdr:cNvSpPr txBox="1"/>
            </xdr:nvSpPr>
            <xdr:spPr>
              <a:xfrm>
                <a:off x="7376660" y="7860963"/>
                <a:ext cx="2076451" cy="564998"/>
              </a:xfrm>
              <a:prstGeom prst="rect">
                <a:avLst/>
              </a:prstGeom>
              <a:noFill/>
              <a:ln w="9525" cmpd="sng">
                <a:noFill/>
              </a:ln>
            </xdr:spPr>
            <xdr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xdr:style>
            <xdr:txBody>
              <a:bodyPr vertOverflow="clip" horzOverflow="clip" wrap="square" rtlCol="0" anchor="t"/>
              <a:lstStyle/>
              <a:p>
                <a:pPr algn="ctr"/>
                <a:r>
                  <a:rPr kumimoji="1" lang="ja-JP" altLang="en-US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老年人口</a:t>
                </a:r>
                <a:endParaRPr kumimoji="1" lang="en-US" altLang="ja-JP" sz="1000">
                  <a:latin typeface="ＭＳ Ｐ明朝" panose="02020600040205080304" pitchFamily="18" charset="-128"/>
                  <a:ea typeface="ＭＳ Ｐ明朝" panose="02020600040205080304" pitchFamily="18" charset="-128"/>
                </a:endParaRPr>
              </a:p>
              <a:p>
                <a:pPr algn="ctr"/>
                <a:r>
                  <a:rPr kumimoji="1" lang="ja-JP" altLang="en-US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年少人口</a:t>
                </a:r>
              </a:p>
            </xdr:txBody>
          </xdr:sp>
          <xdr:cxnSp macro="">
            <xdr:nvCxnSpPr>
              <xdr:cNvPr id="31" name="直線コネクタ 30"/>
              <xdr:cNvCxnSpPr/>
            </xdr:nvCxnSpPr>
            <xdr:spPr>
              <a:xfrm>
                <a:off x="7605458" y="8094196"/>
                <a:ext cx="1628775" cy="0"/>
              </a:xfrm>
              <a:prstGeom prst="line">
                <a:avLst/>
              </a:prstGeom>
              <a:ln>
                <a:solidFill>
                  <a:schemeClr val="tx1"/>
                </a:solidFill>
              </a:ln>
            </xdr:spPr>
            <xdr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xdr:style>
          </xdr:cxnSp>
          <xdr:sp macro="" textlink="">
            <xdr:nvSpPr>
              <xdr:cNvPr id="32" name="テキスト ボックス 31"/>
              <xdr:cNvSpPr txBox="1"/>
            </xdr:nvSpPr>
            <xdr:spPr>
              <a:xfrm>
                <a:off x="9295900" y="7946690"/>
                <a:ext cx="590549" cy="333375"/>
              </a:xfrm>
              <a:prstGeom prst="rect">
                <a:avLst/>
              </a:prstGeom>
              <a:noFill/>
              <a:ln w="9525" cmpd="sng">
                <a:noFill/>
              </a:ln>
            </xdr:spPr>
            <xdr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xdr:style>
            <xdr:txBody>
              <a:bodyPr vertOverflow="clip" horzOverflow="clip" wrap="square" rtlCol="0" anchor="t"/>
              <a:lstStyle/>
              <a:p>
                <a:pPr algn="ctr"/>
                <a:r>
                  <a:rPr kumimoji="1" lang="en-US" altLang="ja-JP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×100</a:t>
                </a:r>
                <a:endParaRPr kumimoji="1" lang="ja-JP" altLang="en-US" sz="1000">
                  <a:latin typeface="ＭＳ Ｐ明朝" panose="02020600040205080304" pitchFamily="18" charset="-128"/>
                  <a:ea typeface="ＭＳ Ｐ明朝" panose="02020600040205080304" pitchFamily="18" charset="-128"/>
                </a:endParaRPr>
              </a:p>
            </xdr:txBody>
          </xdr:sp>
          <xdr:sp macro="" textlink="">
            <xdr:nvSpPr>
              <xdr:cNvPr id="33" name="テキスト ボックス 32"/>
              <xdr:cNvSpPr txBox="1"/>
            </xdr:nvSpPr>
            <xdr:spPr>
              <a:xfrm>
                <a:off x="5962245" y="7947137"/>
                <a:ext cx="1581149" cy="333375"/>
              </a:xfrm>
              <a:prstGeom prst="rect">
                <a:avLst/>
              </a:prstGeom>
              <a:noFill/>
              <a:ln w="9525" cmpd="sng">
                <a:noFill/>
              </a:ln>
            </xdr:spPr>
            <xdr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minor">
                <a:schemeClr val="dk1"/>
              </a:fontRef>
            </xdr:style>
            <xdr:txBody>
              <a:bodyPr vertOverflow="clip" horzOverflow="clip" wrap="square" rtlCol="0" anchor="t"/>
              <a:lstStyle/>
              <a:p>
                <a:pPr algn="l"/>
                <a:r>
                  <a:rPr kumimoji="1" lang="ja-JP" altLang="en-US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４　　老年化指数</a:t>
                </a:r>
                <a:r>
                  <a:rPr kumimoji="1" lang="ja-JP" altLang="en-US" sz="1000" baseline="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     </a:t>
                </a:r>
                <a:r>
                  <a:rPr kumimoji="1" lang="ja-JP" altLang="en-US" sz="1000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＝</a:t>
                </a:r>
                <a:endParaRPr kumimoji="1" lang="en-US" altLang="ja-JP" sz="1000">
                  <a:latin typeface="ＭＳ Ｐ明朝" panose="02020600040205080304" pitchFamily="18" charset="-128"/>
                  <a:ea typeface="ＭＳ Ｐ明朝" panose="02020600040205080304" pitchFamily="18" charset="-128"/>
                </a:endParaRPr>
              </a:p>
            </xdr:txBody>
          </xdr:sp>
        </xdr:grpSp>
      </xdr:grpSp>
      <xdr:sp macro="" textlink="">
        <xdr:nvSpPr>
          <xdr:cNvPr id="25" name="テキスト ボックス 24"/>
          <xdr:cNvSpPr txBox="1"/>
        </xdr:nvSpPr>
        <xdr:spPr>
          <a:xfrm>
            <a:off x="0" y="7927093"/>
            <a:ext cx="522840" cy="260902"/>
          </a:xfrm>
          <a:prstGeom prst="rect">
            <a:avLst/>
          </a:prstGeom>
          <a:noFill/>
          <a:ln w="9525" cmpd="sng">
            <a:noFill/>
          </a:ln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xdr:style>
        <xdr:txBody>
          <a:bodyPr vertOverflow="clip" horzOverflow="clip" wrap="square" rtlCol="0" anchor="t"/>
          <a:lstStyle/>
          <a:p>
            <a:pPr algn="l"/>
            <a:r>
              <a:rPr kumimoji="1" lang="ja-JP" altLang="en-US" sz="1000">
                <a:latin typeface="ＭＳ Ｐ明朝" panose="02020600040205080304" pitchFamily="18" charset="-128"/>
                <a:ea typeface="ＭＳ Ｐ明朝" panose="02020600040205080304" pitchFamily="18" charset="-128"/>
              </a:rPr>
              <a:t>（注）</a:t>
            </a:r>
          </a:p>
        </xdr:txBody>
      </xdr:sp>
    </xdr:grp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10583</xdr:colOff>
      <xdr:row>38</xdr:row>
      <xdr:rowOff>10582</xdr:rowOff>
    </xdr:from>
    <xdr:to>
      <xdr:col>9</xdr:col>
      <xdr:colOff>0</xdr:colOff>
      <xdr:row>44</xdr:row>
      <xdr:rowOff>13757</xdr:rowOff>
    </xdr:to>
    <xdr:sp macro="" textlink="">
      <xdr:nvSpPr>
        <xdr:cNvPr id="2" name="正方形/長方形 1"/>
        <xdr:cNvSpPr/>
      </xdr:nvSpPr>
      <xdr:spPr>
        <a:xfrm>
          <a:off x="3591983" y="6906682"/>
          <a:ext cx="3418417" cy="1031875"/>
        </a:xfrm>
        <a:prstGeom prst="rect">
          <a:avLst/>
        </a:prstGeom>
        <a:ln w="19050"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00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令和２年中（国勢調査年）は、</a:t>
          </a:r>
          <a:endParaRPr kumimoji="1" lang="en-US" altLang="ja-JP" sz="1000" b="0">
            <a:latin typeface="HGSｺﾞｼｯｸE" panose="020B0900000000000000" pitchFamily="50" charset="-128"/>
            <a:ea typeface="HGSｺﾞｼｯｸE" panose="020B0900000000000000" pitchFamily="50" charset="-128"/>
          </a:endParaRPr>
        </a:p>
        <a:p>
          <a:pPr algn="l"/>
          <a:r>
            <a:rPr kumimoji="1" lang="ja-JP" altLang="en-US" sz="100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国勢調査結果による基礎数値の切替えを行ったため、</a:t>
          </a:r>
          <a:endParaRPr kumimoji="1" lang="en-US" altLang="ja-JP" sz="1000" b="0">
            <a:latin typeface="HGSｺﾞｼｯｸE" panose="020B0900000000000000" pitchFamily="50" charset="-128"/>
            <a:ea typeface="HGSｺﾞｼｯｸE" panose="020B0900000000000000" pitchFamily="50" charset="-128"/>
          </a:endParaRPr>
        </a:p>
        <a:p>
          <a:pPr algn="l"/>
          <a:r>
            <a:rPr kumimoji="1" lang="ja-JP" altLang="en-US" sz="1000" b="0">
              <a:latin typeface="HGSｺﾞｼｯｸE" panose="020B0900000000000000" pitchFamily="50" charset="-128"/>
              <a:ea typeface="HGSｺﾞｼｯｸE" panose="020B0900000000000000" pitchFamily="50" charset="-128"/>
            </a:rPr>
            <a:t>各歳別の異動人口は集計していません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58"/>
  <sheetViews>
    <sheetView tabSelected="1" zoomScaleNormal="100" zoomScaleSheetLayoutView="115" workbookViewId="0"/>
  </sheetViews>
  <sheetFormatPr defaultRowHeight="12"/>
  <cols>
    <col min="1" max="1" width="4.625" style="4" customWidth="1"/>
    <col min="2" max="2" width="3.25" style="4" customWidth="1"/>
    <col min="3" max="3" width="5" style="4" customWidth="1"/>
    <col min="4" max="4" width="6.125" style="4" customWidth="1"/>
    <col min="5" max="8" width="13.125" style="4" customWidth="1"/>
    <col min="9" max="9" width="10.375" style="4" bestFit="1" customWidth="1"/>
    <col min="10" max="16384" width="9" style="4"/>
  </cols>
  <sheetData>
    <row r="1" spans="1:9" s="5" customFormat="1" ht="15" customHeight="1" thickBot="1">
      <c r="A1" s="40" t="s">
        <v>20</v>
      </c>
    </row>
    <row r="2" spans="1:9" ht="13.5" customHeight="1" thickTop="1">
      <c r="A2" s="919" t="s">
        <v>38</v>
      </c>
      <c r="B2" s="919"/>
      <c r="C2" s="919"/>
      <c r="D2" s="920"/>
      <c r="E2" s="921" t="s">
        <v>3</v>
      </c>
      <c r="F2" s="41" t="s">
        <v>4</v>
      </c>
      <c r="G2" s="51" t="s">
        <v>5</v>
      </c>
      <c r="H2" s="41" t="s">
        <v>0</v>
      </c>
    </row>
    <row r="3" spans="1:9" ht="13.5" customHeight="1">
      <c r="A3" s="923" t="s">
        <v>6</v>
      </c>
      <c r="B3" s="923"/>
      <c r="C3" s="923"/>
      <c r="D3" s="924"/>
      <c r="E3" s="922"/>
      <c r="F3" s="42" t="s">
        <v>30</v>
      </c>
      <c r="G3" s="52" t="s">
        <v>7</v>
      </c>
      <c r="H3" s="42" t="s">
        <v>8</v>
      </c>
    </row>
    <row r="4" spans="1:9">
      <c r="A4" s="925" t="s">
        <v>2</v>
      </c>
      <c r="B4" s="926" t="s">
        <v>9</v>
      </c>
      <c r="C4" s="50"/>
      <c r="D4" s="35"/>
      <c r="E4" s="23" t="s">
        <v>10</v>
      </c>
      <c r="F4" s="24" t="s">
        <v>10</v>
      </c>
      <c r="G4" s="23" t="s">
        <v>10</v>
      </c>
      <c r="H4" s="24" t="s">
        <v>10</v>
      </c>
    </row>
    <row r="5" spans="1:9">
      <c r="A5" s="912"/>
      <c r="B5" s="927"/>
      <c r="C5" s="7" t="s">
        <v>27</v>
      </c>
      <c r="D5" s="36" t="s">
        <v>39</v>
      </c>
      <c r="E5" s="8">
        <v>9227901</v>
      </c>
      <c r="F5" s="9">
        <v>1047478</v>
      </c>
      <c r="G5" s="8">
        <v>5640059</v>
      </c>
      <c r="H5" s="9">
        <v>2326294</v>
      </c>
      <c r="I5" s="10"/>
    </row>
    <row r="6" spans="1:9">
      <c r="A6" s="912"/>
      <c r="B6" s="927"/>
      <c r="C6" s="7"/>
      <c r="D6" s="36" t="s">
        <v>37</v>
      </c>
      <c r="E6" s="8">
        <v>9231177</v>
      </c>
      <c r="F6" s="9">
        <v>1065999</v>
      </c>
      <c r="G6" s="8">
        <v>5627097</v>
      </c>
      <c r="H6" s="9">
        <v>2324007</v>
      </c>
      <c r="I6" s="10"/>
    </row>
    <row r="7" spans="1:9">
      <c r="A7" s="912"/>
      <c r="B7" s="927"/>
      <c r="C7" s="7"/>
      <c r="D7" s="36" t="s">
        <v>31</v>
      </c>
      <c r="E7" s="8">
        <v>9236337</v>
      </c>
      <c r="F7" s="9">
        <v>1082584</v>
      </c>
      <c r="G7" s="8">
        <v>5627503</v>
      </c>
      <c r="H7" s="9">
        <v>2312173</v>
      </c>
      <c r="I7" s="10"/>
    </row>
    <row r="8" spans="1:9">
      <c r="A8" s="912"/>
      <c r="B8" s="927"/>
      <c r="C8" s="7"/>
      <c r="D8" s="36" t="s">
        <v>32</v>
      </c>
      <c r="E8" s="8">
        <v>9201825</v>
      </c>
      <c r="F8" s="9">
        <v>1094402</v>
      </c>
      <c r="G8" s="8">
        <v>5712800</v>
      </c>
      <c r="H8" s="9">
        <v>2311697</v>
      </c>
      <c r="I8" s="10"/>
    </row>
    <row r="9" spans="1:9">
      <c r="A9" s="912"/>
      <c r="B9" s="928"/>
      <c r="C9" s="7" t="s">
        <v>28</v>
      </c>
      <c r="D9" s="36" t="s">
        <v>26</v>
      </c>
      <c r="E9" s="8">
        <v>9181625</v>
      </c>
      <c r="F9" s="9">
        <v>1106141</v>
      </c>
      <c r="G9" s="8">
        <v>5704254</v>
      </c>
      <c r="H9" s="9">
        <v>2288304</v>
      </c>
      <c r="I9" s="10"/>
    </row>
    <row r="10" spans="1:9">
      <c r="A10" s="912"/>
      <c r="B10" s="926" t="s">
        <v>23</v>
      </c>
      <c r="C10" s="45"/>
      <c r="D10" s="37"/>
      <c r="E10" s="11"/>
      <c r="F10" s="25" t="s">
        <v>12</v>
      </c>
      <c r="G10" s="26" t="s">
        <v>12</v>
      </c>
      <c r="H10" s="25" t="s">
        <v>12</v>
      </c>
    </row>
    <row r="11" spans="1:9">
      <c r="A11" s="912"/>
      <c r="B11" s="927"/>
      <c r="C11" s="7" t="s">
        <v>27</v>
      </c>
      <c r="D11" s="36" t="s">
        <v>39</v>
      </c>
      <c r="E11" s="21" t="s">
        <v>24</v>
      </c>
      <c r="F11" s="2">
        <v>11.620785878945368</v>
      </c>
      <c r="G11" s="2">
        <v>62.571164247477014</v>
      </c>
      <c r="H11" s="1">
        <v>25.808049873577616</v>
      </c>
    </row>
    <row r="12" spans="1:9">
      <c r="A12" s="912"/>
      <c r="B12" s="927"/>
      <c r="C12" s="7"/>
      <c r="D12" s="36" t="s">
        <v>37</v>
      </c>
      <c r="E12" s="21" t="s">
        <v>25</v>
      </c>
      <c r="F12" s="2">
        <v>11.821967654134593</v>
      </c>
      <c r="G12" s="2">
        <v>62.404710248956896</v>
      </c>
      <c r="H12" s="1">
        <v>25.773322096908508</v>
      </c>
      <c r="I12" s="12"/>
    </row>
    <row r="13" spans="1:9">
      <c r="A13" s="912"/>
      <c r="B13" s="927"/>
      <c r="C13" s="7"/>
      <c r="D13" s="36" t="s">
        <v>31</v>
      </c>
      <c r="E13" s="21" t="s">
        <v>25</v>
      </c>
      <c r="F13" s="2">
        <v>11.99903350158386</v>
      </c>
      <c r="G13" s="2">
        <v>62.37354055414054</v>
      </c>
      <c r="H13" s="1">
        <v>25.627425944275601</v>
      </c>
    </row>
    <row r="14" spans="1:9">
      <c r="A14" s="912"/>
      <c r="B14" s="927"/>
      <c r="C14" s="7"/>
      <c r="D14" s="36" t="s">
        <v>32</v>
      </c>
      <c r="E14" s="21" t="s">
        <v>25</v>
      </c>
      <c r="F14" s="2">
        <v>12.001470791594468</v>
      </c>
      <c r="G14" s="2">
        <v>62.64791396417484</v>
      </c>
      <c r="H14" s="1">
        <v>25.350615244230688</v>
      </c>
    </row>
    <row r="15" spans="1:9" ht="12.75" thickBot="1">
      <c r="A15" s="913"/>
      <c r="B15" s="929"/>
      <c r="C15" s="7" t="s">
        <v>28</v>
      </c>
      <c r="D15" s="36" t="s">
        <v>26</v>
      </c>
      <c r="E15" s="21" t="s">
        <v>25</v>
      </c>
      <c r="F15" s="396">
        <v>12.157133673726321</v>
      </c>
      <c r="G15" s="2">
        <v>62.693072932734673</v>
      </c>
      <c r="H15" s="1">
        <v>25.14979339353901</v>
      </c>
    </row>
    <row r="16" spans="1:9" ht="12.75" thickTop="1">
      <c r="A16" s="911" t="s">
        <v>13</v>
      </c>
      <c r="B16" s="914" t="s">
        <v>14</v>
      </c>
      <c r="C16" s="39"/>
      <c r="D16" s="38"/>
      <c r="E16" s="22" t="s">
        <v>29</v>
      </c>
      <c r="F16" s="22" t="s">
        <v>29</v>
      </c>
      <c r="G16" s="22" t="s">
        <v>29</v>
      </c>
      <c r="H16" s="34" t="s">
        <v>29</v>
      </c>
    </row>
    <row r="17" spans="1:9">
      <c r="A17" s="912"/>
      <c r="B17" s="915"/>
      <c r="C17" s="7" t="s">
        <v>27</v>
      </c>
      <c r="D17" s="36" t="s">
        <v>39</v>
      </c>
      <c r="E17" s="8">
        <v>124752</v>
      </c>
      <c r="F17" s="9">
        <v>14433</v>
      </c>
      <c r="G17" s="8">
        <v>74146</v>
      </c>
      <c r="H17" s="9">
        <v>36173</v>
      </c>
    </row>
    <row r="18" spans="1:9">
      <c r="A18" s="912"/>
      <c r="B18" s="915"/>
      <c r="C18" s="7"/>
      <c r="D18" s="36" t="s">
        <v>37</v>
      </c>
      <c r="E18" s="8">
        <v>125309</v>
      </c>
      <c r="F18" s="15">
        <v>14718</v>
      </c>
      <c r="G18" s="8">
        <v>74375</v>
      </c>
      <c r="H18" s="9">
        <v>36215</v>
      </c>
      <c r="I18" s="16"/>
    </row>
    <row r="19" spans="1:9">
      <c r="A19" s="912"/>
      <c r="B19" s="915"/>
      <c r="C19" s="7"/>
      <c r="D19" s="36" t="s">
        <v>31</v>
      </c>
      <c r="E19" s="8">
        <v>126068</v>
      </c>
      <c r="F19" s="9">
        <v>14983</v>
      </c>
      <c r="G19" s="8">
        <v>75033</v>
      </c>
      <c r="H19" s="9">
        <v>36051</v>
      </c>
    </row>
    <row r="20" spans="1:9">
      <c r="A20" s="912"/>
      <c r="B20" s="915"/>
      <c r="C20" s="7"/>
      <c r="D20" s="36" t="s">
        <v>32</v>
      </c>
      <c r="E20" s="8">
        <v>125988</v>
      </c>
      <c r="F20" s="9">
        <v>15160</v>
      </c>
      <c r="G20" s="8">
        <v>74900</v>
      </c>
      <c r="H20" s="9">
        <v>35928</v>
      </c>
    </row>
    <row r="21" spans="1:9">
      <c r="A21" s="912"/>
      <c r="B21" s="916"/>
      <c r="C21" s="44" t="s">
        <v>28</v>
      </c>
      <c r="D21" s="36" t="s">
        <v>26</v>
      </c>
      <c r="E21" s="8">
        <v>126317</v>
      </c>
      <c r="F21" s="9">
        <v>15376</v>
      </c>
      <c r="G21" s="8">
        <v>75317</v>
      </c>
      <c r="H21" s="9">
        <v>35624</v>
      </c>
    </row>
    <row r="22" spans="1:9">
      <c r="A22" s="912"/>
      <c r="B22" s="917" t="s">
        <v>11</v>
      </c>
      <c r="C22" s="13"/>
      <c r="D22" s="37"/>
      <c r="E22" s="11"/>
      <c r="F22" s="25" t="s">
        <v>12</v>
      </c>
      <c r="G22" s="26" t="s">
        <v>12</v>
      </c>
      <c r="H22" s="25" t="s">
        <v>12</v>
      </c>
    </row>
    <row r="23" spans="1:9" ht="13.5" customHeight="1">
      <c r="A23" s="912"/>
      <c r="B23" s="915"/>
      <c r="C23" s="7" t="s">
        <v>27</v>
      </c>
      <c r="D23" s="36" t="s">
        <v>39</v>
      </c>
      <c r="E23" s="21" t="s">
        <v>24</v>
      </c>
      <c r="F23" s="1">
        <v>11.6</v>
      </c>
      <c r="G23" s="2">
        <v>59.4</v>
      </c>
      <c r="H23" s="3">
        <v>29</v>
      </c>
    </row>
    <row r="24" spans="1:9" ht="13.5" customHeight="1">
      <c r="A24" s="912"/>
      <c r="B24" s="915"/>
      <c r="C24" s="7"/>
      <c r="D24" s="36" t="s">
        <v>37</v>
      </c>
      <c r="E24" s="21" t="s">
        <v>25</v>
      </c>
      <c r="F24" s="1">
        <v>11.7</v>
      </c>
      <c r="G24" s="2">
        <v>59.4</v>
      </c>
      <c r="H24" s="3">
        <v>28.9</v>
      </c>
    </row>
    <row r="25" spans="1:9" ht="13.5" customHeight="1">
      <c r="A25" s="912"/>
      <c r="B25" s="915"/>
      <c r="C25" s="7"/>
      <c r="D25" s="36" t="s">
        <v>31</v>
      </c>
      <c r="E25" s="21" t="s">
        <v>25</v>
      </c>
      <c r="F25" s="1">
        <v>11.9</v>
      </c>
      <c r="G25" s="2">
        <v>59.5</v>
      </c>
      <c r="H25" s="3">
        <v>28.6</v>
      </c>
    </row>
    <row r="26" spans="1:9" ht="13.5" customHeight="1">
      <c r="A26" s="912"/>
      <c r="B26" s="915"/>
      <c r="C26" s="7"/>
      <c r="D26" s="36" t="s">
        <v>32</v>
      </c>
      <c r="E26" s="21" t="s">
        <v>25</v>
      </c>
      <c r="F26" s="1">
        <v>12</v>
      </c>
      <c r="G26" s="2">
        <v>59.4</v>
      </c>
      <c r="H26" s="3">
        <v>28.5</v>
      </c>
    </row>
    <row r="27" spans="1:9" ht="14.25" customHeight="1" thickBot="1">
      <c r="A27" s="913"/>
      <c r="B27" s="918"/>
      <c r="C27" s="7" t="s">
        <v>28</v>
      </c>
      <c r="D27" s="36" t="s">
        <v>26</v>
      </c>
      <c r="E27" s="21" t="s">
        <v>25</v>
      </c>
      <c r="F27" s="1">
        <v>12.2</v>
      </c>
      <c r="G27" s="2">
        <v>59.6</v>
      </c>
      <c r="H27" s="3">
        <v>28.2</v>
      </c>
    </row>
    <row r="28" spans="1:9" ht="9" customHeight="1" thickTop="1">
      <c r="A28" s="17"/>
      <c r="B28" s="18"/>
      <c r="C28" s="18"/>
      <c r="D28" s="14"/>
      <c r="E28" s="19"/>
      <c r="F28" s="19"/>
      <c r="G28" s="19"/>
      <c r="H28" s="19"/>
    </row>
    <row r="29" spans="1:9" s="6" customFormat="1" ht="14.25" customHeight="1">
      <c r="A29" s="30" t="s">
        <v>34</v>
      </c>
      <c r="B29" s="28"/>
      <c r="C29" s="28"/>
      <c r="D29" s="28"/>
      <c r="E29" s="28"/>
      <c r="F29" s="28"/>
      <c r="G29" s="28"/>
      <c r="H29" s="28"/>
    </row>
    <row r="30" spans="1:9" s="6" customFormat="1" ht="14.25" customHeight="1">
      <c r="A30" s="30" t="s">
        <v>35</v>
      </c>
      <c r="B30" s="29"/>
      <c r="C30" s="29"/>
      <c r="D30" s="29"/>
      <c r="E30" s="29"/>
      <c r="F30" s="29"/>
      <c r="G30" s="29"/>
      <c r="H30" s="29"/>
    </row>
    <row r="31" spans="1:9" s="6" customFormat="1" ht="14.25" customHeight="1">
      <c r="A31" s="31" t="s">
        <v>36</v>
      </c>
      <c r="B31" s="29"/>
      <c r="C31" s="29"/>
      <c r="D31" s="29"/>
      <c r="E31" s="29"/>
      <c r="F31" s="29"/>
      <c r="G31" s="29"/>
      <c r="H31" s="29"/>
    </row>
    <row r="32" spans="1:9" s="6" customFormat="1" ht="14.25" customHeight="1">
      <c r="A32" s="27"/>
      <c r="B32" s="32" t="s">
        <v>33</v>
      </c>
      <c r="C32" s="29"/>
      <c r="D32" s="29"/>
      <c r="E32" s="29"/>
      <c r="F32" s="29"/>
      <c r="G32" s="29"/>
      <c r="H32" s="29"/>
    </row>
    <row r="33" spans="1:8" ht="7.5" customHeight="1"/>
    <row r="34" spans="1:8">
      <c r="B34" s="20"/>
      <c r="C34" s="20"/>
      <c r="D34" s="20"/>
      <c r="E34" s="20"/>
      <c r="F34" s="20"/>
      <c r="G34" s="20"/>
      <c r="H34" s="20"/>
    </row>
    <row r="35" spans="1:8" s="5" customFormat="1" ht="14.25" thickBot="1">
      <c r="A35" s="40" t="s">
        <v>21</v>
      </c>
    </row>
    <row r="36" spans="1:8" ht="15" customHeight="1" thickTop="1">
      <c r="A36" s="909" t="s">
        <v>22</v>
      </c>
      <c r="B36" s="909"/>
      <c r="C36" s="909"/>
      <c r="D36" s="910"/>
      <c r="E36" s="51" t="s">
        <v>1</v>
      </c>
      <c r="F36" s="41" t="s">
        <v>15</v>
      </c>
      <c r="G36" s="51" t="s">
        <v>16</v>
      </c>
      <c r="H36" s="43" t="s">
        <v>17</v>
      </c>
    </row>
    <row r="37" spans="1:8" ht="12.75" customHeight="1">
      <c r="A37" s="901" t="s">
        <v>18</v>
      </c>
      <c r="B37" s="902"/>
      <c r="C37" s="7" t="s">
        <v>27</v>
      </c>
      <c r="D37" s="36" t="s">
        <v>39</v>
      </c>
      <c r="E37" s="397">
        <v>18.572110681820881</v>
      </c>
      <c r="F37" s="397">
        <v>41.245916044495281</v>
      </c>
      <c r="G37" s="397">
        <v>59.818026726316162</v>
      </c>
      <c r="H37" s="398">
        <v>222.08523711237848</v>
      </c>
    </row>
    <row r="38" spans="1:8" ht="12.75" customHeight="1">
      <c r="A38" s="903"/>
      <c r="B38" s="904"/>
      <c r="C38" s="7"/>
      <c r="D38" s="36" t="s">
        <v>37</v>
      </c>
      <c r="E38" s="2">
        <v>18.944030998577063</v>
      </c>
      <c r="F38" s="2">
        <v>41.300283254402757</v>
      </c>
      <c r="G38" s="2">
        <v>60.244314252979827</v>
      </c>
      <c r="H38" s="1">
        <v>218.01211821024222</v>
      </c>
    </row>
    <row r="39" spans="1:8" ht="12.75" customHeight="1">
      <c r="A39" s="903"/>
      <c r="B39" s="904"/>
      <c r="C39" s="7"/>
      <c r="D39" s="36" t="s">
        <v>31</v>
      </c>
      <c r="E39" s="2">
        <v>19.237377572255404</v>
      </c>
      <c r="F39" s="2">
        <v>41.087014969161281</v>
      </c>
      <c r="G39" s="2">
        <v>60.324392541416685</v>
      </c>
      <c r="H39" s="1">
        <v>213.57908485623284</v>
      </c>
    </row>
    <row r="40" spans="1:8" ht="12.75" customHeight="1">
      <c r="A40" s="903"/>
      <c r="B40" s="904"/>
      <c r="C40" s="7"/>
      <c r="D40" s="36" t="s">
        <v>32</v>
      </c>
      <c r="E40" s="2">
        <v>19.157015824114271</v>
      </c>
      <c r="F40" s="2">
        <v>40.465218456798766</v>
      </c>
      <c r="G40" s="2">
        <v>59.622234280913034</v>
      </c>
      <c r="H40" s="1">
        <v>211.22923751966826</v>
      </c>
    </row>
    <row r="41" spans="1:8" ht="12.75" customHeight="1">
      <c r="A41" s="905"/>
      <c r="B41" s="906"/>
      <c r="C41" s="44" t="s">
        <v>28</v>
      </c>
      <c r="D41" s="46" t="s">
        <v>26</v>
      </c>
      <c r="E41" s="399">
        <v>19.391510265847209</v>
      </c>
      <c r="F41" s="2">
        <v>40.115745196479679</v>
      </c>
      <c r="G41" s="2">
        <v>59.507255462326889</v>
      </c>
      <c r="H41" s="1">
        <v>206.87272237445319</v>
      </c>
    </row>
    <row r="42" spans="1:8" ht="12.75" customHeight="1">
      <c r="A42" s="901" t="s">
        <v>19</v>
      </c>
      <c r="B42" s="902"/>
      <c r="C42" s="7" t="s">
        <v>27</v>
      </c>
      <c r="D42" s="36" t="s">
        <v>39</v>
      </c>
      <c r="E42" s="397">
        <v>19.465648854961831</v>
      </c>
      <c r="F42" s="397">
        <v>48.78617862055944</v>
      </c>
      <c r="G42" s="397">
        <v>68.251827475521267</v>
      </c>
      <c r="H42" s="400">
        <v>250.62703526640337</v>
      </c>
    </row>
    <row r="43" spans="1:8" ht="12.75" customHeight="1">
      <c r="A43" s="903"/>
      <c r="B43" s="904"/>
      <c r="C43" s="7"/>
      <c r="D43" s="36" t="s">
        <v>37</v>
      </c>
      <c r="E43" s="2">
        <v>19.788907563025209</v>
      </c>
      <c r="F43" s="2">
        <v>48.692436974789914</v>
      </c>
      <c r="G43" s="2">
        <v>68.481344537815119</v>
      </c>
      <c r="H43" s="1">
        <v>246.05924718032338</v>
      </c>
    </row>
    <row r="44" spans="1:8" ht="12.75" customHeight="1">
      <c r="A44" s="903"/>
      <c r="B44" s="904"/>
      <c r="C44" s="7"/>
      <c r="D44" s="36" t="s">
        <v>31</v>
      </c>
      <c r="E44" s="2">
        <v>19.968547172577399</v>
      </c>
      <c r="F44" s="2">
        <v>48.046859381871975</v>
      </c>
      <c r="G44" s="2">
        <v>68.01540655444937</v>
      </c>
      <c r="H44" s="1">
        <v>240.6126943869719</v>
      </c>
    </row>
    <row r="45" spans="1:8" ht="12.75" customHeight="1">
      <c r="A45" s="903"/>
      <c r="B45" s="904"/>
      <c r="C45" s="7"/>
      <c r="D45" s="36" t="s">
        <v>32</v>
      </c>
      <c r="E45" s="2">
        <v>20.240320427236316</v>
      </c>
      <c r="F45" s="2">
        <v>47.967957276368487</v>
      </c>
      <c r="G45" s="2">
        <v>68.208277703604807</v>
      </c>
      <c r="H45" s="1">
        <v>236.99208443271766</v>
      </c>
    </row>
    <row r="46" spans="1:8" ht="12.75" customHeight="1" thickBot="1">
      <c r="A46" s="907"/>
      <c r="B46" s="908"/>
      <c r="C46" s="7" t="s">
        <v>28</v>
      </c>
      <c r="D46" s="36" t="s">
        <v>26</v>
      </c>
      <c r="E46" s="396">
        <v>20.415045740005578</v>
      </c>
      <c r="F46" s="396">
        <v>47.298750614071196</v>
      </c>
      <c r="G46" s="396">
        <v>67.713796354076777</v>
      </c>
      <c r="H46" s="401">
        <v>231.68574401664932</v>
      </c>
    </row>
    <row r="47" spans="1:8" ht="12" customHeight="1" thickTop="1">
      <c r="C47" s="14"/>
      <c r="D47" s="14"/>
    </row>
    <row r="48" spans="1:8" ht="12.75" customHeight="1">
      <c r="A48" s="898"/>
      <c r="B48" s="898"/>
      <c r="C48" s="47"/>
      <c r="D48" s="899"/>
      <c r="E48" s="899"/>
      <c r="F48" s="900"/>
      <c r="G48" s="900"/>
      <c r="H48" s="898"/>
    </row>
    <row r="49" spans="1:8" ht="12.75" customHeight="1">
      <c r="A49" s="898"/>
      <c r="B49" s="898"/>
      <c r="C49" s="47"/>
      <c r="D49" s="899"/>
      <c r="E49" s="899"/>
      <c r="F49" s="900"/>
      <c r="G49" s="900"/>
      <c r="H49" s="898"/>
    </row>
    <row r="50" spans="1:8" ht="9" customHeight="1">
      <c r="A50" s="47"/>
      <c r="B50" s="47"/>
      <c r="C50" s="47"/>
      <c r="D50" s="48"/>
      <c r="E50" s="48"/>
      <c r="F50" s="49"/>
      <c r="G50" s="49"/>
      <c r="H50" s="47"/>
    </row>
    <row r="51" spans="1:8" ht="12.75" customHeight="1">
      <c r="A51" s="33"/>
      <c r="B51" s="898"/>
      <c r="C51" s="47"/>
      <c r="D51" s="899"/>
      <c r="E51" s="899"/>
      <c r="F51" s="900"/>
      <c r="G51" s="900"/>
      <c r="H51" s="898"/>
    </row>
    <row r="52" spans="1:8" ht="12.75" customHeight="1">
      <c r="A52" s="33"/>
      <c r="B52" s="898"/>
      <c r="C52" s="47"/>
      <c r="D52" s="899"/>
      <c r="E52" s="899"/>
      <c r="F52" s="900"/>
      <c r="G52" s="900"/>
      <c r="H52" s="898"/>
    </row>
    <row r="53" spans="1:8" ht="9" customHeight="1">
      <c r="A53" s="33"/>
      <c r="B53" s="47"/>
      <c r="C53" s="47"/>
      <c r="D53" s="48"/>
      <c r="E53" s="48"/>
      <c r="F53" s="49"/>
      <c r="G53" s="49"/>
      <c r="H53" s="47"/>
    </row>
    <row r="54" spans="1:8" ht="12.75" customHeight="1">
      <c r="A54" s="33"/>
      <c r="B54" s="898"/>
      <c r="C54" s="47"/>
      <c r="D54" s="899"/>
      <c r="E54" s="899"/>
      <c r="F54" s="900"/>
      <c r="G54" s="900"/>
      <c r="H54" s="898"/>
    </row>
    <row r="55" spans="1:8" ht="12.75" customHeight="1">
      <c r="A55" s="33"/>
      <c r="B55" s="898"/>
      <c r="C55" s="47"/>
      <c r="D55" s="899"/>
      <c r="E55" s="899"/>
      <c r="F55" s="900"/>
      <c r="G55" s="900"/>
      <c r="H55" s="898"/>
    </row>
    <row r="56" spans="1:8" ht="9" customHeight="1">
      <c r="A56" s="33"/>
      <c r="B56" s="47"/>
      <c r="C56" s="47"/>
      <c r="D56" s="48"/>
      <c r="E56" s="48"/>
      <c r="F56" s="49"/>
      <c r="G56" s="49"/>
      <c r="H56" s="47"/>
    </row>
    <row r="57" spans="1:8" ht="12.75" customHeight="1">
      <c r="A57" s="33"/>
      <c r="B57" s="898"/>
      <c r="C57" s="47"/>
      <c r="D57" s="899"/>
      <c r="E57" s="899"/>
      <c r="F57" s="900"/>
      <c r="G57" s="900"/>
      <c r="H57" s="898"/>
    </row>
    <row r="58" spans="1:8" ht="12.75" customHeight="1">
      <c r="A58" s="33"/>
      <c r="B58" s="898"/>
      <c r="C58" s="47"/>
      <c r="D58" s="899"/>
      <c r="E58" s="899"/>
      <c r="F58" s="900"/>
      <c r="G58" s="900"/>
      <c r="H58" s="898"/>
    </row>
  </sheetData>
  <mergeCells count="33">
    <mergeCell ref="E2:E3"/>
    <mergeCell ref="A3:D3"/>
    <mergeCell ref="A4:A15"/>
    <mergeCell ref="B4:B9"/>
    <mergeCell ref="B10:B15"/>
    <mergeCell ref="A36:D36"/>
    <mergeCell ref="A16:A27"/>
    <mergeCell ref="B16:B21"/>
    <mergeCell ref="B22:B27"/>
    <mergeCell ref="A2:D2"/>
    <mergeCell ref="A37:B41"/>
    <mergeCell ref="A42:B46"/>
    <mergeCell ref="A48:A49"/>
    <mergeCell ref="B48:B49"/>
    <mergeCell ref="D48:E49"/>
    <mergeCell ref="H48:H49"/>
    <mergeCell ref="F49:G49"/>
    <mergeCell ref="B51:B52"/>
    <mergeCell ref="D51:E52"/>
    <mergeCell ref="F51:G51"/>
    <mergeCell ref="H51:H52"/>
    <mergeCell ref="F52:G52"/>
    <mergeCell ref="F48:G48"/>
    <mergeCell ref="B57:B58"/>
    <mergeCell ref="D57:E58"/>
    <mergeCell ref="F57:G57"/>
    <mergeCell ref="H57:H58"/>
    <mergeCell ref="F58:G58"/>
    <mergeCell ref="B54:B55"/>
    <mergeCell ref="D54:E55"/>
    <mergeCell ref="F54:G54"/>
    <mergeCell ref="H54:H55"/>
    <mergeCell ref="F55:G55"/>
  </mergeCells>
  <phoneticPr fontId="2"/>
  <printOptions horizontalCentered="1"/>
  <pageMargins left="0.70866141732283472" right="0.70866141732283472" top="0.70866141732283472" bottom="0.70866141732283472" header="0.31496062992125984" footer="0.19685039370078741"/>
  <pageSetup paperSize="9" firstPageNumber="7" orientation="portrait" blackAndWhite="1" r:id="rId1"/>
  <headerFooter scaleWithDoc="0" alignWithMargins="0"/>
  <drawing r:id="rId2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184"/>
  <sheetViews>
    <sheetView zoomScaleNormal="100" workbookViewId="0">
      <pane xSplit="1" ySplit="3" topLeftCell="B4" activePane="bottomRight" state="frozen"/>
      <selection pane="topRight"/>
      <selection pane="bottomLeft"/>
      <selection pane="bottomRight"/>
    </sheetView>
  </sheetViews>
  <sheetFormatPr defaultRowHeight="13.5"/>
  <cols>
    <col min="1" max="1" width="16.25" style="151" customWidth="1"/>
    <col min="2" max="9" width="11.25" style="176" customWidth="1"/>
    <col min="10" max="13" width="9" style="176" customWidth="1"/>
    <col min="14" max="17" width="7.75" style="130" customWidth="1"/>
    <col min="18" max="22" width="9" style="130" customWidth="1"/>
    <col min="23" max="23" width="3.875" style="130" customWidth="1"/>
    <col min="24" max="24" width="9" style="79"/>
    <col min="25" max="16384" width="9" style="151"/>
  </cols>
  <sheetData>
    <row r="1" spans="1:24" ht="15.95" customHeight="1" thickBot="1">
      <c r="A1" s="591" t="s">
        <v>392</v>
      </c>
      <c r="M1" s="592"/>
      <c r="P1" s="544"/>
      <c r="Q1" s="544"/>
      <c r="R1" s="172"/>
      <c r="S1" s="172"/>
      <c r="T1" s="172"/>
      <c r="U1" s="309"/>
    </row>
    <row r="2" spans="1:24" s="595" customFormat="1" ht="16.5" customHeight="1" thickTop="1">
      <c r="A2" s="593"/>
      <c r="B2" s="990" t="s">
        <v>313</v>
      </c>
      <c r="C2" s="991"/>
      <c r="D2" s="991"/>
      <c r="E2" s="992"/>
      <c r="F2" s="991" t="s">
        <v>314</v>
      </c>
      <c r="G2" s="991"/>
      <c r="H2" s="991"/>
      <c r="I2" s="992"/>
      <c r="J2" s="991" t="s">
        <v>315</v>
      </c>
      <c r="K2" s="991"/>
      <c r="L2" s="991"/>
      <c r="M2" s="993"/>
      <c r="N2" s="999" t="s">
        <v>316</v>
      </c>
      <c r="O2" s="1000"/>
      <c r="P2" s="1000"/>
      <c r="Q2" s="1001"/>
      <c r="R2" s="1002" t="s">
        <v>317</v>
      </c>
      <c r="S2" s="1002"/>
      <c r="T2" s="1003"/>
      <c r="U2" s="131" t="s">
        <v>318</v>
      </c>
      <c r="V2" s="132" t="s">
        <v>318</v>
      </c>
      <c r="W2" s="133"/>
      <c r="X2" s="594"/>
    </row>
    <row r="3" spans="1:24" s="603" customFormat="1" ht="16.5" customHeight="1">
      <c r="A3" s="177" t="s">
        <v>393</v>
      </c>
      <c r="B3" s="596" t="s">
        <v>320</v>
      </c>
      <c r="C3" s="596" t="s">
        <v>321</v>
      </c>
      <c r="D3" s="596" t="s">
        <v>394</v>
      </c>
      <c r="E3" s="863" t="s">
        <v>323</v>
      </c>
      <c r="F3" s="597" t="s">
        <v>194</v>
      </c>
      <c r="G3" s="596" t="s">
        <v>321</v>
      </c>
      <c r="H3" s="596" t="s">
        <v>322</v>
      </c>
      <c r="I3" s="863" t="s">
        <v>323</v>
      </c>
      <c r="J3" s="597" t="s">
        <v>320</v>
      </c>
      <c r="K3" s="596" t="s">
        <v>324</v>
      </c>
      <c r="L3" s="596" t="s">
        <v>322</v>
      </c>
      <c r="M3" s="596" t="s">
        <v>323</v>
      </c>
      <c r="N3" s="598" t="s">
        <v>325</v>
      </c>
      <c r="O3" s="599" t="s">
        <v>324</v>
      </c>
      <c r="P3" s="599" t="s">
        <v>322</v>
      </c>
      <c r="Q3" s="600" t="s">
        <v>323</v>
      </c>
      <c r="R3" s="599" t="s">
        <v>321</v>
      </c>
      <c r="S3" s="599" t="s">
        <v>322</v>
      </c>
      <c r="T3" s="600" t="s">
        <v>323</v>
      </c>
      <c r="U3" s="601" t="s">
        <v>326</v>
      </c>
      <c r="V3" s="602" t="s">
        <v>327</v>
      </c>
      <c r="W3" s="134"/>
      <c r="X3" s="115"/>
    </row>
    <row r="4" spans="1:24" s="612" customFormat="1" ht="11.25" customHeight="1">
      <c r="A4" s="178"/>
      <c r="B4" s="604" t="s">
        <v>192</v>
      </c>
      <c r="C4" s="604" t="s">
        <v>192</v>
      </c>
      <c r="D4" s="604" t="s">
        <v>192</v>
      </c>
      <c r="E4" s="864" t="s">
        <v>192</v>
      </c>
      <c r="F4" s="605" t="s">
        <v>192</v>
      </c>
      <c r="G4" s="604" t="s">
        <v>192</v>
      </c>
      <c r="H4" s="604" t="s">
        <v>192</v>
      </c>
      <c r="I4" s="864" t="s">
        <v>192</v>
      </c>
      <c r="J4" s="606" t="s">
        <v>192</v>
      </c>
      <c r="K4" s="604" t="s">
        <v>192</v>
      </c>
      <c r="L4" s="604" t="s">
        <v>192</v>
      </c>
      <c r="M4" s="604" t="s">
        <v>192</v>
      </c>
      <c r="N4" s="607" t="s">
        <v>82</v>
      </c>
      <c r="O4" s="608" t="s">
        <v>82</v>
      </c>
      <c r="P4" s="608" t="s">
        <v>82</v>
      </c>
      <c r="Q4" s="609" t="s">
        <v>82</v>
      </c>
      <c r="R4" s="608" t="s">
        <v>82</v>
      </c>
      <c r="S4" s="608" t="s">
        <v>82</v>
      </c>
      <c r="T4" s="609" t="s">
        <v>82</v>
      </c>
      <c r="U4" s="135" t="s">
        <v>182</v>
      </c>
      <c r="V4" s="610"/>
      <c r="W4" s="135"/>
      <c r="X4" s="611"/>
    </row>
    <row r="5" spans="1:24" ht="12.75" customHeight="1">
      <c r="A5" s="179" t="s">
        <v>328</v>
      </c>
      <c r="B5" s="137">
        <v>4574834</v>
      </c>
      <c r="C5" s="137">
        <v>536324</v>
      </c>
      <c r="D5" s="137">
        <v>2893328</v>
      </c>
      <c r="E5" s="865">
        <v>1029622</v>
      </c>
      <c r="F5" s="890">
        <v>4579919</v>
      </c>
      <c r="G5" s="137">
        <v>546241</v>
      </c>
      <c r="H5" s="137">
        <v>2887271</v>
      </c>
      <c r="I5" s="865">
        <v>1030844</v>
      </c>
      <c r="J5" s="136">
        <v>-5085</v>
      </c>
      <c r="K5" s="137">
        <v>-9917</v>
      </c>
      <c r="L5" s="137">
        <v>6057</v>
      </c>
      <c r="M5" s="137">
        <v>-1222</v>
      </c>
      <c r="N5" s="623">
        <v>-0.1110281644719044</v>
      </c>
      <c r="O5" s="623">
        <v>-1.8154990196634819</v>
      </c>
      <c r="P5" s="623">
        <v>0.20978287109176796</v>
      </c>
      <c r="Q5" s="624">
        <v>-0.11854363996880227</v>
      </c>
      <c r="R5" s="615">
        <v>12</v>
      </c>
      <c r="S5" s="615">
        <v>64.900000000000006</v>
      </c>
      <c r="T5" s="616">
        <v>23.1</v>
      </c>
      <c r="U5" s="625">
        <v>45.71</v>
      </c>
      <c r="V5" s="626">
        <v>192</v>
      </c>
      <c r="W5" s="138"/>
    </row>
    <row r="6" spans="1:24" ht="10.5" customHeight="1">
      <c r="A6" s="173"/>
      <c r="B6" s="140"/>
      <c r="C6" s="140"/>
      <c r="D6" s="140"/>
      <c r="E6" s="866"/>
      <c r="F6" s="891"/>
      <c r="G6" s="892"/>
      <c r="H6" s="892"/>
      <c r="I6" s="893"/>
      <c r="J6" s="139"/>
      <c r="K6" s="140"/>
      <c r="L6" s="140"/>
      <c r="M6" s="140"/>
      <c r="N6" s="141"/>
      <c r="O6" s="142"/>
      <c r="P6" s="142"/>
      <c r="Q6" s="143"/>
      <c r="R6" s="144"/>
      <c r="S6" s="144"/>
      <c r="T6" s="145"/>
      <c r="U6" s="150"/>
      <c r="V6" s="147"/>
      <c r="W6" s="146"/>
    </row>
    <row r="7" spans="1:24" s="627" customFormat="1" ht="12.75" customHeight="1">
      <c r="A7" s="186" t="s">
        <v>329</v>
      </c>
      <c r="B7" s="137">
        <v>1859476</v>
      </c>
      <c r="C7" s="137">
        <v>218580</v>
      </c>
      <c r="D7" s="137">
        <v>1177948</v>
      </c>
      <c r="E7" s="865">
        <v>409228</v>
      </c>
      <c r="F7" s="890">
        <v>1862325</v>
      </c>
      <c r="G7" s="137">
        <v>222651</v>
      </c>
      <c r="H7" s="137">
        <v>1176220</v>
      </c>
      <c r="I7" s="865">
        <v>409734</v>
      </c>
      <c r="J7" s="136">
        <v>-2849</v>
      </c>
      <c r="K7" s="137">
        <v>-4071</v>
      </c>
      <c r="L7" s="137">
        <v>1728</v>
      </c>
      <c r="M7" s="137">
        <v>-506</v>
      </c>
      <c r="N7" s="623">
        <v>-0.15298081698951579</v>
      </c>
      <c r="O7" s="623">
        <v>-1.8284220596359324</v>
      </c>
      <c r="P7" s="623">
        <v>0.14691129210521842</v>
      </c>
      <c r="Q7" s="624">
        <v>-0.12349475513381852</v>
      </c>
      <c r="R7" s="615">
        <v>12.1</v>
      </c>
      <c r="S7" s="615">
        <v>65.2</v>
      </c>
      <c r="T7" s="616">
        <v>22.7</v>
      </c>
      <c r="U7" s="625">
        <v>45.61</v>
      </c>
      <c r="V7" s="626">
        <v>187.2</v>
      </c>
      <c r="W7" s="138"/>
      <c r="X7" s="79"/>
    </row>
    <row r="8" spans="1:24" ht="12.75" customHeight="1">
      <c r="A8" s="149" t="s">
        <v>330</v>
      </c>
      <c r="B8" s="140">
        <v>152050</v>
      </c>
      <c r="C8" s="140">
        <v>18042</v>
      </c>
      <c r="D8" s="140">
        <v>100900</v>
      </c>
      <c r="E8" s="866">
        <v>27781</v>
      </c>
      <c r="F8" s="163">
        <v>152335</v>
      </c>
      <c r="G8" s="140">
        <v>18450</v>
      </c>
      <c r="H8" s="140">
        <v>100587</v>
      </c>
      <c r="I8" s="866">
        <v>27971</v>
      </c>
      <c r="J8" s="139">
        <v>-285</v>
      </c>
      <c r="K8" s="140">
        <v>-408</v>
      </c>
      <c r="L8" s="140">
        <v>313</v>
      </c>
      <c r="M8" s="140">
        <v>-190</v>
      </c>
      <c r="N8" s="141">
        <v>-0.18708766862506973</v>
      </c>
      <c r="O8" s="141">
        <v>-2.2113821138211383</v>
      </c>
      <c r="P8" s="141">
        <v>0.31117341207114241</v>
      </c>
      <c r="Q8" s="143">
        <v>-0.67927496335490323</v>
      </c>
      <c r="R8" s="144">
        <v>12.3</v>
      </c>
      <c r="S8" s="144">
        <v>68.8</v>
      </c>
      <c r="T8" s="145">
        <v>18.899999999999999</v>
      </c>
      <c r="U8" s="150">
        <v>43.82</v>
      </c>
      <c r="V8" s="147">
        <v>154</v>
      </c>
      <c r="W8" s="146"/>
    </row>
    <row r="9" spans="1:24" ht="12.75" customHeight="1">
      <c r="A9" s="149" t="s">
        <v>331</v>
      </c>
      <c r="B9" s="140">
        <v>126867</v>
      </c>
      <c r="C9" s="140">
        <v>13468</v>
      </c>
      <c r="D9" s="140">
        <v>83963</v>
      </c>
      <c r="E9" s="866">
        <v>23136</v>
      </c>
      <c r="F9" s="163">
        <v>126161</v>
      </c>
      <c r="G9" s="140">
        <v>13598</v>
      </c>
      <c r="H9" s="140">
        <v>83133</v>
      </c>
      <c r="I9" s="866">
        <v>23130</v>
      </c>
      <c r="J9" s="139">
        <v>706</v>
      </c>
      <c r="K9" s="140">
        <v>-130</v>
      </c>
      <c r="L9" s="140">
        <v>830</v>
      </c>
      <c r="M9" s="140">
        <v>6</v>
      </c>
      <c r="N9" s="141">
        <v>0.55960241279000644</v>
      </c>
      <c r="O9" s="141">
        <v>-0.95602294455066927</v>
      </c>
      <c r="P9" s="141">
        <v>0.99840015397014426</v>
      </c>
      <c r="Q9" s="143">
        <v>2.5940337224383919E-2</v>
      </c>
      <c r="R9" s="144">
        <v>11.2</v>
      </c>
      <c r="S9" s="144">
        <v>69.599999999999994</v>
      </c>
      <c r="T9" s="145">
        <v>19.2</v>
      </c>
      <c r="U9" s="150">
        <v>43.89</v>
      </c>
      <c r="V9" s="147">
        <v>171.8</v>
      </c>
      <c r="W9" s="146"/>
    </row>
    <row r="10" spans="1:24" ht="12.75" customHeight="1">
      <c r="A10" s="149" t="s">
        <v>332</v>
      </c>
      <c r="B10" s="140">
        <v>53325</v>
      </c>
      <c r="C10" s="140">
        <v>5649</v>
      </c>
      <c r="D10" s="140">
        <v>37054</v>
      </c>
      <c r="E10" s="866">
        <v>8762</v>
      </c>
      <c r="F10" s="163">
        <v>52764</v>
      </c>
      <c r="G10" s="140">
        <v>5725</v>
      </c>
      <c r="H10" s="140">
        <v>36426</v>
      </c>
      <c r="I10" s="866">
        <v>8753</v>
      </c>
      <c r="J10" s="139">
        <v>561</v>
      </c>
      <c r="K10" s="140">
        <v>-76</v>
      </c>
      <c r="L10" s="140">
        <v>628</v>
      </c>
      <c r="M10" s="140">
        <v>9</v>
      </c>
      <c r="N10" s="141">
        <v>1.0632249260859679</v>
      </c>
      <c r="O10" s="141">
        <v>-1.3275109170305677</v>
      </c>
      <c r="P10" s="141">
        <v>1.7240432657991542</v>
      </c>
      <c r="Q10" s="143">
        <v>0.10282188963783845</v>
      </c>
      <c r="R10" s="144">
        <v>11</v>
      </c>
      <c r="S10" s="144">
        <v>72</v>
      </c>
      <c r="T10" s="145">
        <v>17</v>
      </c>
      <c r="U10" s="150">
        <v>43.53</v>
      </c>
      <c r="V10" s="147">
        <v>155.1</v>
      </c>
      <c r="W10" s="146"/>
    </row>
    <row r="11" spans="1:24" ht="12.75" customHeight="1">
      <c r="A11" s="149" t="s">
        <v>333</v>
      </c>
      <c r="B11" s="140">
        <v>76669</v>
      </c>
      <c r="C11" s="140">
        <v>7213</v>
      </c>
      <c r="D11" s="140">
        <v>48083</v>
      </c>
      <c r="E11" s="866">
        <v>16773</v>
      </c>
      <c r="F11" s="163">
        <v>76475</v>
      </c>
      <c r="G11" s="140">
        <v>7398</v>
      </c>
      <c r="H11" s="140">
        <v>47680</v>
      </c>
      <c r="I11" s="866">
        <v>16797</v>
      </c>
      <c r="J11" s="139">
        <v>194</v>
      </c>
      <c r="K11" s="140">
        <v>-185</v>
      </c>
      <c r="L11" s="140">
        <v>403</v>
      </c>
      <c r="M11" s="140">
        <v>-24</v>
      </c>
      <c r="N11" s="141">
        <v>0.25367767244197448</v>
      </c>
      <c r="O11" s="141">
        <v>-2.5006758583400917</v>
      </c>
      <c r="P11" s="141">
        <v>0.84521812080536918</v>
      </c>
      <c r="Q11" s="143">
        <v>-0.14288265761743169</v>
      </c>
      <c r="R11" s="144">
        <v>10</v>
      </c>
      <c r="S11" s="144">
        <v>66.7</v>
      </c>
      <c r="T11" s="145">
        <v>23.3</v>
      </c>
      <c r="U11" s="150">
        <v>47.42</v>
      </c>
      <c r="V11" s="147">
        <v>232.5</v>
      </c>
      <c r="W11" s="146"/>
    </row>
    <row r="12" spans="1:24" ht="12.75" customHeight="1">
      <c r="A12" s="149" t="s">
        <v>334</v>
      </c>
      <c r="B12" s="140">
        <v>98398</v>
      </c>
      <c r="C12" s="140">
        <v>9411</v>
      </c>
      <c r="D12" s="140">
        <v>62125</v>
      </c>
      <c r="E12" s="866">
        <v>23225</v>
      </c>
      <c r="F12" s="163">
        <v>98564</v>
      </c>
      <c r="G12" s="140">
        <v>9599</v>
      </c>
      <c r="H12" s="140">
        <v>61861</v>
      </c>
      <c r="I12" s="866">
        <v>23467</v>
      </c>
      <c r="J12" s="139">
        <v>-166</v>
      </c>
      <c r="K12" s="140">
        <v>-188</v>
      </c>
      <c r="L12" s="140">
        <v>264</v>
      </c>
      <c r="M12" s="140">
        <v>-242</v>
      </c>
      <c r="N12" s="141">
        <v>-0.16841848950935434</v>
      </c>
      <c r="O12" s="141">
        <v>-1.9585373476403791</v>
      </c>
      <c r="P12" s="141">
        <v>0.42676322723525323</v>
      </c>
      <c r="Q12" s="143">
        <v>-1.0312353517705715</v>
      </c>
      <c r="R12" s="144">
        <v>9.9</v>
      </c>
      <c r="S12" s="144">
        <v>65.599999999999994</v>
      </c>
      <c r="T12" s="145">
        <v>24.5</v>
      </c>
      <c r="U12" s="150">
        <v>46.99</v>
      </c>
      <c r="V12" s="147">
        <v>246.8</v>
      </c>
      <c r="W12" s="146"/>
    </row>
    <row r="13" spans="1:24" ht="12.75" customHeight="1">
      <c r="A13" s="149" t="s">
        <v>395</v>
      </c>
      <c r="B13" s="140">
        <v>100827</v>
      </c>
      <c r="C13" s="140">
        <v>10963</v>
      </c>
      <c r="D13" s="140">
        <v>63834</v>
      </c>
      <c r="E13" s="866">
        <v>23231</v>
      </c>
      <c r="F13" s="163">
        <v>101211</v>
      </c>
      <c r="G13" s="140">
        <v>11085</v>
      </c>
      <c r="H13" s="140">
        <v>64025</v>
      </c>
      <c r="I13" s="866">
        <v>23302</v>
      </c>
      <c r="J13" s="139">
        <v>-384</v>
      </c>
      <c r="K13" s="140">
        <v>-122</v>
      </c>
      <c r="L13" s="140">
        <v>-191</v>
      </c>
      <c r="M13" s="140">
        <v>-71</v>
      </c>
      <c r="N13" s="141">
        <v>-0.37940540059874917</v>
      </c>
      <c r="O13" s="141">
        <v>-1.1005863779882723</v>
      </c>
      <c r="P13" s="141">
        <v>-0.29832096837172978</v>
      </c>
      <c r="Q13" s="143">
        <v>-0.30469487597631101</v>
      </c>
      <c r="R13" s="144">
        <v>11.2</v>
      </c>
      <c r="S13" s="144">
        <v>65.099999999999994</v>
      </c>
      <c r="T13" s="145">
        <v>23.7</v>
      </c>
      <c r="U13" s="150">
        <v>46.11</v>
      </c>
      <c r="V13" s="147">
        <v>211.9</v>
      </c>
      <c r="W13" s="146"/>
    </row>
    <row r="14" spans="1:24" ht="12.75" customHeight="1">
      <c r="A14" s="149" t="s">
        <v>336</v>
      </c>
      <c r="B14" s="140">
        <v>81371</v>
      </c>
      <c r="C14" s="140">
        <v>9373</v>
      </c>
      <c r="D14" s="140">
        <v>48201</v>
      </c>
      <c r="E14" s="866">
        <v>19642</v>
      </c>
      <c r="F14" s="163">
        <v>81745</v>
      </c>
      <c r="G14" s="140">
        <v>9541</v>
      </c>
      <c r="H14" s="140">
        <v>48309</v>
      </c>
      <c r="I14" s="866">
        <v>19740</v>
      </c>
      <c r="J14" s="139">
        <v>-374</v>
      </c>
      <c r="K14" s="140">
        <v>-168</v>
      </c>
      <c r="L14" s="140">
        <v>-108</v>
      </c>
      <c r="M14" s="140">
        <v>-98</v>
      </c>
      <c r="N14" s="141">
        <v>-0.4575203376353294</v>
      </c>
      <c r="O14" s="141">
        <v>-1.7608217168011739</v>
      </c>
      <c r="P14" s="141">
        <v>-0.22356082717506057</v>
      </c>
      <c r="Q14" s="143">
        <v>-0.49645390070921991</v>
      </c>
      <c r="R14" s="144">
        <v>12.1</v>
      </c>
      <c r="S14" s="144">
        <v>62.4</v>
      </c>
      <c r="T14" s="145">
        <v>25.4</v>
      </c>
      <c r="U14" s="150">
        <v>46.9</v>
      </c>
      <c r="V14" s="147">
        <v>209.6</v>
      </c>
      <c r="W14" s="146"/>
    </row>
    <row r="15" spans="1:24" ht="12.75" customHeight="1">
      <c r="A15" s="149" t="s">
        <v>337</v>
      </c>
      <c r="B15" s="140">
        <v>95172</v>
      </c>
      <c r="C15" s="140">
        <v>10291</v>
      </c>
      <c r="D15" s="140">
        <v>56467</v>
      </c>
      <c r="E15" s="866">
        <v>26423</v>
      </c>
      <c r="F15" s="163">
        <v>96120</v>
      </c>
      <c r="G15" s="140">
        <v>10622</v>
      </c>
      <c r="H15" s="140">
        <v>57091</v>
      </c>
      <c r="I15" s="866">
        <v>26416</v>
      </c>
      <c r="J15" s="139">
        <v>-948</v>
      </c>
      <c r="K15" s="140">
        <v>-331</v>
      </c>
      <c r="L15" s="140">
        <v>-624</v>
      </c>
      <c r="M15" s="140">
        <v>7</v>
      </c>
      <c r="N15" s="141">
        <v>-0.98626716604244702</v>
      </c>
      <c r="O15" s="141">
        <v>-3.1161739785351155</v>
      </c>
      <c r="P15" s="141">
        <v>-1.0929918901403024</v>
      </c>
      <c r="Q15" s="143">
        <v>2.6499091459721381E-2</v>
      </c>
      <c r="R15" s="144">
        <v>11</v>
      </c>
      <c r="S15" s="144">
        <v>60.6</v>
      </c>
      <c r="T15" s="145">
        <v>28.4</v>
      </c>
      <c r="U15" s="150">
        <v>47.97</v>
      </c>
      <c r="V15" s="147">
        <v>256.8</v>
      </c>
      <c r="W15" s="146"/>
    </row>
    <row r="16" spans="1:24" ht="12.75" customHeight="1">
      <c r="A16" s="149" t="s">
        <v>338</v>
      </c>
      <c r="B16" s="140">
        <v>180448</v>
      </c>
      <c r="C16" s="140">
        <v>22259</v>
      </c>
      <c r="D16" s="140">
        <v>120635</v>
      </c>
      <c r="E16" s="866">
        <v>30535</v>
      </c>
      <c r="F16" s="163">
        <v>179335</v>
      </c>
      <c r="G16" s="140">
        <v>22211</v>
      </c>
      <c r="H16" s="140">
        <v>119627</v>
      </c>
      <c r="I16" s="866">
        <v>30478</v>
      </c>
      <c r="J16" s="139">
        <v>1113</v>
      </c>
      <c r="K16" s="140">
        <v>48</v>
      </c>
      <c r="L16" s="140">
        <v>1008</v>
      </c>
      <c r="M16" s="140">
        <v>57</v>
      </c>
      <c r="N16" s="141">
        <v>0.62062620235871413</v>
      </c>
      <c r="O16" s="141">
        <v>0.21610913511323221</v>
      </c>
      <c r="P16" s="141">
        <v>0.84261914116378411</v>
      </c>
      <c r="Q16" s="143">
        <v>0.18702014567885034</v>
      </c>
      <c r="R16" s="144">
        <v>12.8</v>
      </c>
      <c r="S16" s="144">
        <v>69.599999999999994</v>
      </c>
      <c r="T16" s="145">
        <v>17.600000000000001</v>
      </c>
      <c r="U16" s="150">
        <v>42.99</v>
      </c>
      <c r="V16" s="147">
        <v>137.19999999999999</v>
      </c>
      <c r="W16" s="146"/>
    </row>
    <row r="17" spans="1:24" ht="12.75" customHeight="1">
      <c r="A17" s="149" t="s">
        <v>339</v>
      </c>
      <c r="B17" s="140">
        <v>138028</v>
      </c>
      <c r="C17" s="140">
        <v>17828</v>
      </c>
      <c r="D17" s="140">
        <v>85911</v>
      </c>
      <c r="E17" s="866">
        <v>32064</v>
      </c>
      <c r="F17" s="163">
        <v>138420</v>
      </c>
      <c r="G17" s="140">
        <v>18279</v>
      </c>
      <c r="H17" s="140">
        <v>85792</v>
      </c>
      <c r="I17" s="866">
        <v>32124</v>
      </c>
      <c r="J17" s="139">
        <v>-392</v>
      </c>
      <c r="K17" s="140">
        <v>-451</v>
      </c>
      <c r="L17" s="140">
        <v>119</v>
      </c>
      <c r="M17" s="140">
        <v>-60</v>
      </c>
      <c r="N17" s="141">
        <v>-0.28319606993209073</v>
      </c>
      <c r="O17" s="141">
        <v>-2.4673122162043879</v>
      </c>
      <c r="P17" s="141">
        <v>0.13870757180156656</v>
      </c>
      <c r="Q17" s="143">
        <v>-0.18677624206200971</v>
      </c>
      <c r="R17" s="144">
        <v>13.1</v>
      </c>
      <c r="S17" s="144">
        <v>63.3</v>
      </c>
      <c r="T17" s="145">
        <v>23.6</v>
      </c>
      <c r="U17" s="150">
        <v>45.68</v>
      </c>
      <c r="V17" s="147">
        <v>179.9</v>
      </c>
      <c r="W17" s="146"/>
    </row>
    <row r="18" spans="1:24" ht="12.75" customHeight="1">
      <c r="A18" s="149" t="s">
        <v>340</v>
      </c>
      <c r="B18" s="140">
        <v>104211</v>
      </c>
      <c r="C18" s="140">
        <v>11729</v>
      </c>
      <c r="D18" s="140">
        <v>63163</v>
      </c>
      <c r="E18" s="866">
        <v>26910</v>
      </c>
      <c r="F18" s="163">
        <v>104900</v>
      </c>
      <c r="G18" s="140">
        <v>11934</v>
      </c>
      <c r="H18" s="140">
        <v>63553</v>
      </c>
      <c r="I18" s="866">
        <v>27004</v>
      </c>
      <c r="J18" s="139">
        <v>-689</v>
      </c>
      <c r="K18" s="140">
        <v>-205</v>
      </c>
      <c r="L18" s="140">
        <v>-390</v>
      </c>
      <c r="M18" s="140">
        <v>-94</v>
      </c>
      <c r="N18" s="141">
        <v>-0.65681601525262157</v>
      </c>
      <c r="O18" s="141">
        <v>-1.7177811295458354</v>
      </c>
      <c r="P18" s="141">
        <v>-0.6136610388179945</v>
      </c>
      <c r="Q18" s="143">
        <v>-0.34809657828469853</v>
      </c>
      <c r="R18" s="144">
        <v>11.5</v>
      </c>
      <c r="S18" s="144">
        <v>62</v>
      </c>
      <c r="T18" s="145">
        <v>26.4</v>
      </c>
      <c r="U18" s="150">
        <v>47.63</v>
      </c>
      <c r="V18" s="147">
        <v>229.4</v>
      </c>
      <c r="W18" s="146"/>
    </row>
    <row r="19" spans="1:24" ht="12.75" customHeight="1">
      <c r="A19" s="149" t="s">
        <v>341</v>
      </c>
      <c r="B19" s="140">
        <v>116681</v>
      </c>
      <c r="C19" s="140">
        <v>13526</v>
      </c>
      <c r="D19" s="140">
        <v>70344</v>
      </c>
      <c r="E19" s="866">
        <v>31337</v>
      </c>
      <c r="F19" s="163">
        <v>117399</v>
      </c>
      <c r="G19" s="140">
        <v>13779</v>
      </c>
      <c r="H19" s="140">
        <v>70595</v>
      </c>
      <c r="I19" s="866">
        <v>31551</v>
      </c>
      <c r="J19" s="139">
        <v>-718</v>
      </c>
      <c r="K19" s="140">
        <v>-253</v>
      </c>
      <c r="L19" s="140">
        <v>-251</v>
      </c>
      <c r="M19" s="140">
        <v>-214</v>
      </c>
      <c r="N19" s="141">
        <v>-0.61158953653778991</v>
      </c>
      <c r="O19" s="141">
        <v>-1.8361274403077146</v>
      </c>
      <c r="P19" s="141">
        <v>-0.3555492598625965</v>
      </c>
      <c r="Q19" s="143">
        <v>-0.67826693290228524</v>
      </c>
      <c r="R19" s="144">
        <v>11.7</v>
      </c>
      <c r="S19" s="144">
        <v>61.1</v>
      </c>
      <c r="T19" s="145">
        <v>27.2</v>
      </c>
      <c r="U19" s="150">
        <v>47.81</v>
      </c>
      <c r="V19" s="147">
        <v>231.7</v>
      </c>
      <c r="W19" s="146"/>
    </row>
    <row r="20" spans="1:24" ht="12.75" customHeight="1">
      <c r="A20" s="149" t="s">
        <v>342</v>
      </c>
      <c r="B20" s="140">
        <v>89747</v>
      </c>
      <c r="C20" s="140">
        <v>11444</v>
      </c>
      <c r="D20" s="140">
        <v>56503</v>
      </c>
      <c r="E20" s="866">
        <v>19756</v>
      </c>
      <c r="F20" s="163">
        <v>90027</v>
      </c>
      <c r="G20" s="140">
        <v>11752</v>
      </c>
      <c r="H20" s="140">
        <v>56503</v>
      </c>
      <c r="I20" s="866">
        <v>19728</v>
      </c>
      <c r="J20" s="139">
        <v>-280</v>
      </c>
      <c r="K20" s="140">
        <v>-308</v>
      </c>
      <c r="L20" s="140">
        <v>0</v>
      </c>
      <c r="M20" s="140">
        <v>28</v>
      </c>
      <c r="N20" s="141">
        <v>-0.31101780576938026</v>
      </c>
      <c r="O20" s="141">
        <v>-2.6208304969366916</v>
      </c>
      <c r="P20" s="141">
        <v>0</v>
      </c>
      <c r="Q20" s="143">
        <v>0.14193025141930252</v>
      </c>
      <c r="R20" s="144">
        <v>13</v>
      </c>
      <c r="S20" s="144">
        <v>64.400000000000006</v>
      </c>
      <c r="T20" s="145">
        <v>22.5</v>
      </c>
      <c r="U20" s="150">
        <v>45.25</v>
      </c>
      <c r="V20" s="147">
        <v>172.6</v>
      </c>
      <c r="W20" s="146"/>
    </row>
    <row r="21" spans="1:24" ht="12.75" customHeight="1">
      <c r="A21" s="149" t="s">
        <v>343</v>
      </c>
      <c r="B21" s="140">
        <v>58722</v>
      </c>
      <c r="C21" s="140">
        <v>6858</v>
      </c>
      <c r="D21" s="140">
        <v>36248</v>
      </c>
      <c r="E21" s="866">
        <v>14807</v>
      </c>
      <c r="F21" s="163">
        <v>59009</v>
      </c>
      <c r="G21" s="140">
        <v>7033</v>
      </c>
      <c r="H21" s="140">
        <v>36270</v>
      </c>
      <c r="I21" s="866">
        <v>14897</v>
      </c>
      <c r="J21" s="139">
        <v>-287</v>
      </c>
      <c r="K21" s="140">
        <v>-175</v>
      </c>
      <c r="L21" s="140">
        <v>-22</v>
      </c>
      <c r="M21" s="140">
        <v>-90</v>
      </c>
      <c r="N21" s="141">
        <v>-0.48636648646816588</v>
      </c>
      <c r="O21" s="141">
        <v>-2.4882695862363144</v>
      </c>
      <c r="P21" s="141">
        <v>-6.0656189688447756E-2</v>
      </c>
      <c r="Q21" s="143">
        <v>-0.60414848627240392</v>
      </c>
      <c r="R21" s="144">
        <v>11.8</v>
      </c>
      <c r="S21" s="144">
        <v>62.6</v>
      </c>
      <c r="T21" s="145">
        <v>25.6</v>
      </c>
      <c r="U21" s="150">
        <v>46.91</v>
      </c>
      <c r="V21" s="147">
        <v>215.9</v>
      </c>
      <c r="W21" s="146"/>
    </row>
    <row r="22" spans="1:24" ht="12.75" customHeight="1">
      <c r="A22" s="149" t="s">
        <v>344</v>
      </c>
      <c r="B22" s="140">
        <v>58782</v>
      </c>
      <c r="C22" s="140">
        <v>6748</v>
      </c>
      <c r="D22" s="140">
        <v>34424</v>
      </c>
      <c r="E22" s="866">
        <v>16367</v>
      </c>
      <c r="F22" s="163">
        <v>58765</v>
      </c>
      <c r="G22" s="140">
        <v>6808</v>
      </c>
      <c r="H22" s="140">
        <v>34195</v>
      </c>
      <c r="I22" s="866">
        <v>16519</v>
      </c>
      <c r="J22" s="139">
        <v>17</v>
      </c>
      <c r="K22" s="140">
        <v>-60</v>
      </c>
      <c r="L22" s="140">
        <v>229</v>
      </c>
      <c r="M22" s="140">
        <v>-152</v>
      </c>
      <c r="N22" s="141">
        <v>2.8928784140219519E-2</v>
      </c>
      <c r="O22" s="141">
        <v>-0.88131609870740302</v>
      </c>
      <c r="P22" s="141">
        <v>0.66968855095774238</v>
      </c>
      <c r="Q22" s="143">
        <v>-0.92015255160724019</v>
      </c>
      <c r="R22" s="144">
        <v>11.7</v>
      </c>
      <c r="S22" s="144">
        <v>59.8</v>
      </c>
      <c r="T22" s="145">
        <v>28.4</v>
      </c>
      <c r="U22" s="150">
        <v>48.24</v>
      </c>
      <c r="V22" s="147">
        <v>242.5</v>
      </c>
      <c r="W22" s="146"/>
    </row>
    <row r="23" spans="1:24" ht="12.75" customHeight="1">
      <c r="A23" s="149" t="s">
        <v>345</v>
      </c>
      <c r="B23" s="140">
        <v>73211</v>
      </c>
      <c r="C23" s="140">
        <v>8737</v>
      </c>
      <c r="D23" s="140">
        <v>44353</v>
      </c>
      <c r="E23" s="866">
        <v>19507</v>
      </c>
      <c r="F23" s="163">
        <v>73689</v>
      </c>
      <c r="G23" s="140">
        <v>8995</v>
      </c>
      <c r="H23" s="140">
        <v>44492</v>
      </c>
      <c r="I23" s="866">
        <v>19588</v>
      </c>
      <c r="J23" s="139">
        <v>-478</v>
      </c>
      <c r="K23" s="140">
        <v>-258</v>
      </c>
      <c r="L23" s="140">
        <v>-139</v>
      </c>
      <c r="M23" s="140">
        <v>-81</v>
      </c>
      <c r="N23" s="141">
        <v>-0.64867212202635405</v>
      </c>
      <c r="O23" s="141">
        <v>-2.868260144524736</v>
      </c>
      <c r="P23" s="141">
        <v>-0.31241571518475231</v>
      </c>
      <c r="Q23" s="143">
        <v>-0.41351848070247094</v>
      </c>
      <c r="R23" s="144">
        <v>12</v>
      </c>
      <c r="S23" s="144">
        <v>61.1</v>
      </c>
      <c r="T23" s="145">
        <v>26.9</v>
      </c>
      <c r="U23" s="150">
        <v>47.53</v>
      </c>
      <c r="V23" s="147">
        <v>223.3</v>
      </c>
      <c r="W23" s="146"/>
    </row>
    <row r="24" spans="1:24" ht="12.75" customHeight="1">
      <c r="A24" s="149" t="s">
        <v>346</v>
      </c>
      <c r="B24" s="140">
        <v>149751</v>
      </c>
      <c r="C24" s="140">
        <v>19450</v>
      </c>
      <c r="D24" s="140">
        <v>95317</v>
      </c>
      <c r="E24" s="866">
        <v>31098</v>
      </c>
      <c r="F24" s="163">
        <v>150136</v>
      </c>
      <c r="G24" s="140">
        <v>19773</v>
      </c>
      <c r="H24" s="140">
        <v>95785</v>
      </c>
      <c r="I24" s="866">
        <v>30692</v>
      </c>
      <c r="J24" s="139">
        <v>-385</v>
      </c>
      <c r="K24" s="140">
        <v>-323</v>
      </c>
      <c r="L24" s="140">
        <v>-468</v>
      </c>
      <c r="M24" s="140">
        <v>406</v>
      </c>
      <c r="N24" s="141">
        <v>-0.25643416635583738</v>
      </c>
      <c r="O24" s="141">
        <v>-1.6335406867951245</v>
      </c>
      <c r="P24" s="141">
        <v>-0.48859424753353864</v>
      </c>
      <c r="Q24" s="143">
        <v>1.3228202789000392</v>
      </c>
      <c r="R24" s="144">
        <v>13.3</v>
      </c>
      <c r="S24" s="144">
        <v>65.3</v>
      </c>
      <c r="T24" s="145">
        <v>21.3</v>
      </c>
      <c r="U24" s="150">
        <v>44.9</v>
      </c>
      <c r="V24" s="147">
        <v>159.9</v>
      </c>
      <c r="W24" s="146"/>
    </row>
    <row r="25" spans="1:24" ht="12.75" customHeight="1">
      <c r="A25" s="149" t="s">
        <v>347</v>
      </c>
      <c r="B25" s="140">
        <v>105216</v>
      </c>
      <c r="C25" s="140">
        <v>15591</v>
      </c>
      <c r="D25" s="140">
        <v>70423</v>
      </c>
      <c r="E25" s="866">
        <v>17874</v>
      </c>
      <c r="F25" s="163">
        <v>105270</v>
      </c>
      <c r="G25" s="140">
        <v>16069</v>
      </c>
      <c r="H25" s="140">
        <v>70296</v>
      </c>
      <c r="I25" s="866">
        <v>17577</v>
      </c>
      <c r="J25" s="139">
        <v>-54</v>
      </c>
      <c r="K25" s="140">
        <v>-478</v>
      </c>
      <c r="L25" s="140">
        <v>127</v>
      </c>
      <c r="M25" s="140">
        <v>297</v>
      </c>
      <c r="N25" s="141">
        <v>-5.1296665716728411E-2</v>
      </c>
      <c r="O25" s="141">
        <v>-2.974671728172257</v>
      </c>
      <c r="P25" s="141">
        <v>0.18066461818595653</v>
      </c>
      <c r="Q25" s="143">
        <v>1.6897081413210446</v>
      </c>
      <c r="R25" s="144">
        <v>15</v>
      </c>
      <c r="S25" s="144">
        <v>67.8</v>
      </c>
      <c r="T25" s="145">
        <v>17.2</v>
      </c>
      <c r="U25" s="150">
        <v>42.79</v>
      </c>
      <c r="V25" s="147">
        <v>114.6</v>
      </c>
      <c r="W25" s="146"/>
    </row>
    <row r="26" spans="1:24" ht="9" customHeight="1">
      <c r="A26" s="149"/>
      <c r="B26" s="140"/>
      <c r="C26" s="140"/>
      <c r="D26" s="140"/>
      <c r="E26" s="866"/>
      <c r="F26" s="163"/>
      <c r="G26" s="140"/>
      <c r="H26" s="140"/>
      <c r="I26" s="866"/>
      <c r="J26" s="139"/>
      <c r="K26" s="140"/>
      <c r="L26" s="140"/>
      <c r="M26" s="140"/>
      <c r="N26" s="141"/>
      <c r="O26" s="142"/>
      <c r="P26" s="142"/>
      <c r="Q26" s="143"/>
      <c r="R26" s="144"/>
      <c r="S26" s="144"/>
      <c r="T26" s="145"/>
      <c r="U26" s="150"/>
      <c r="V26" s="147"/>
      <c r="W26" s="146"/>
    </row>
    <row r="27" spans="1:24" s="627" customFormat="1" ht="12.75" customHeight="1">
      <c r="A27" s="188" t="s">
        <v>348</v>
      </c>
      <c r="B27" s="137">
        <v>775021</v>
      </c>
      <c r="C27" s="137">
        <v>93757</v>
      </c>
      <c r="D27" s="137">
        <v>521636</v>
      </c>
      <c r="E27" s="865">
        <v>135213</v>
      </c>
      <c r="F27" s="890">
        <v>774902</v>
      </c>
      <c r="G27" s="137">
        <v>95541</v>
      </c>
      <c r="H27" s="137">
        <v>519879</v>
      </c>
      <c r="I27" s="865">
        <v>135067</v>
      </c>
      <c r="J27" s="136">
        <v>119</v>
      </c>
      <c r="K27" s="137">
        <v>-1784</v>
      </c>
      <c r="L27" s="137">
        <v>1757</v>
      </c>
      <c r="M27" s="137">
        <v>146</v>
      </c>
      <c r="N27" s="623">
        <v>1.5356780599353208E-2</v>
      </c>
      <c r="O27" s="623">
        <v>-1.8672611758302717</v>
      </c>
      <c r="P27" s="623">
        <v>0.33796325683476347</v>
      </c>
      <c r="Q27" s="624">
        <v>0.10809450124752899</v>
      </c>
      <c r="R27" s="615">
        <v>12.5</v>
      </c>
      <c r="S27" s="615">
        <v>69.5</v>
      </c>
      <c r="T27" s="616">
        <v>18</v>
      </c>
      <c r="U27" s="625">
        <v>43.16</v>
      </c>
      <c r="V27" s="626">
        <v>144.19999999999999</v>
      </c>
      <c r="W27" s="152"/>
      <c r="X27" s="79"/>
    </row>
    <row r="28" spans="1:24" ht="12.75" customHeight="1">
      <c r="A28" s="149" t="s">
        <v>349</v>
      </c>
      <c r="B28" s="140">
        <v>123565</v>
      </c>
      <c r="C28" s="140">
        <v>11981</v>
      </c>
      <c r="D28" s="140">
        <v>82276</v>
      </c>
      <c r="E28" s="866">
        <v>23094</v>
      </c>
      <c r="F28" s="163">
        <v>123835</v>
      </c>
      <c r="G28" s="140">
        <v>12334</v>
      </c>
      <c r="H28" s="140">
        <v>81969</v>
      </c>
      <c r="I28" s="866">
        <v>23318</v>
      </c>
      <c r="J28" s="139">
        <v>-270</v>
      </c>
      <c r="K28" s="140">
        <v>-353</v>
      </c>
      <c r="L28" s="140">
        <v>307</v>
      </c>
      <c r="M28" s="140">
        <v>-224</v>
      </c>
      <c r="N28" s="141">
        <v>-0.21803205878790327</v>
      </c>
      <c r="O28" s="141">
        <v>-2.8620074590562674</v>
      </c>
      <c r="P28" s="141">
        <v>0.37453183520599254</v>
      </c>
      <c r="Q28" s="143">
        <v>-0.96063127197872888</v>
      </c>
      <c r="R28" s="144">
        <v>10.199999999999999</v>
      </c>
      <c r="S28" s="144">
        <v>70.099999999999994</v>
      </c>
      <c r="T28" s="145">
        <v>19.7</v>
      </c>
      <c r="U28" s="150">
        <v>44.49</v>
      </c>
      <c r="V28" s="147">
        <v>192.8</v>
      </c>
      <c r="W28" s="146"/>
    </row>
    <row r="29" spans="1:24" ht="12.75" customHeight="1">
      <c r="A29" s="149" t="s">
        <v>350</v>
      </c>
      <c r="B29" s="140">
        <v>86690</v>
      </c>
      <c r="C29" s="140">
        <v>11624</v>
      </c>
      <c r="D29" s="140">
        <v>58353</v>
      </c>
      <c r="E29" s="866">
        <v>16028</v>
      </c>
      <c r="F29" s="163">
        <v>86533</v>
      </c>
      <c r="G29" s="140">
        <v>11673</v>
      </c>
      <c r="H29" s="140">
        <v>58060</v>
      </c>
      <c r="I29" s="866">
        <v>16115</v>
      </c>
      <c r="J29" s="139">
        <v>157</v>
      </c>
      <c r="K29" s="140">
        <v>-49</v>
      </c>
      <c r="L29" s="140">
        <v>293</v>
      </c>
      <c r="M29" s="140">
        <v>-87</v>
      </c>
      <c r="N29" s="141">
        <v>0.18143367270289948</v>
      </c>
      <c r="O29" s="141">
        <v>-0.4197721237042748</v>
      </c>
      <c r="P29" s="141">
        <v>0.50465036169479849</v>
      </c>
      <c r="Q29" s="143">
        <v>-0.53986968662736579</v>
      </c>
      <c r="R29" s="144">
        <v>13.5</v>
      </c>
      <c r="S29" s="144">
        <v>67.8</v>
      </c>
      <c r="T29" s="145">
        <v>18.600000000000001</v>
      </c>
      <c r="U29" s="150">
        <v>43.17</v>
      </c>
      <c r="V29" s="147">
        <v>137.9</v>
      </c>
      <c r="W29" s="146"/>
    </row>
    <row r="30" spans="1:24" ht="12.75" customHeight="1">
      <c r="A30" s="149" t="s">
        <v>351</v>
      </c>
      <c r="B30" s="140">
        <v>134008</v>
      </c>
      <c r="C30" s="140">
        <v>16915</v>
      </c>
      <c r="D30" s="140">
        <v>94850</v>
      </c>
      <c r="E30" s="866">
        <v>17877</v>
      </c>
      <c r="F30" s="163">
        <v>133771</v>
      </c>
      <c r="G30" s="140">
        <v>17201</v>
      </c>
      <c r="H30" s="140">
        <v>94500</v>
      </c>
      <c r="I30" s="866">
        <v>17704</v>
      </c>
      <c r="J30" s="139">
        <v>237</v>
      </c>
      <c r="K30" s="140">
        <v>-286</v>
      </c>
      <c r="L30" s="140">
        <v>350</v>
      </c>
      <c r="M30" s="140">
        <v>173</v>
      </c>
      <c r="N30" s="141">
        <v>0.17716844458066397</v>
      </c>
      <c r="O30" s="141">
        <v>-1.6626940294168941</v>
      </c>
      <c r="P30" s="141">
        <v>0.37037037037037041</v>
      </c>
      <c r="Q30" s="143">
        <v>0.97718029823768637</v>
      </c>
      <c r="R30" s="144">
        <v>13</v>
      </c>
      <c r="S30" s="144">
        <v>73.2</v>
      </c>
      <c r="T30" s="145">
        <v>13.8</v>
      </c>
      <c r="U30" s="150">
        <v>40.92</v>
      </c>
      <c r="V30" s="147">
        <v>105.7</v>
      </c>
      <c r="W30" s="146"/>
    </row>
    <row r="31" spans="1:24" ht="12.75" customHeight="1">
      <c r="A31" s="149" t="s">
        <v>352</v>
      </c>
      <c r="B31" s="140">
        <v>115705</v>
      </c>
      <c r="C31" s="140">
        <v>14237</v>
      </c>
      <c r="D31" s="140">
        <v>79199</v>
      </c>
      <c r="E31" s="866">
        <v>19053</v>
      </c>
      <c r="F31" s="163">
        <v>116257</v>
      </c>
      <c r="G31" s="140">
        <v>14629</v>
      </c>
      <c r="H31" s="140">
        <v>79383</v>
      </c>
      <c r="I31" s="866">
        <v>19029</v>
      </c>
      <c r="J31" s="139">
        <v>-552</v>
      </c>
      <c r="K31" s="140">
        <v>-392</v>
      </c>
      <c r="L31" s="140">
        <v>-184</v>
      </c>
      <c r="M31" s="140">
        <v>24</v>
      </c>
      <c r="N31" s="141">
        <v>-0.47481011896057868</v>
      </c>
      <c r="O31" s="141">
        <v>-2.6796089958302001</v>
      </c>
      <c r="P31" s="141">
        <v>-0.23178766234584228</v>
      </c>
      <c r="Q31" s="143">
        <v>0.12612328551158758</v>
      </c>
      <c r="R31" s="144">
        <v>12.7</v>
      </c>
      <c r="S31" s="144">
        <v>70.400000000000006</v>
      </c>
      <c r="T31" s="145">
        <v>16.899999999999999</v>
      </c>
      <c r="U31" s="150">
        <v>42.74</v>
      </c>
      <c r="V31" s="147">
        <v>133.80000000000001</v>
      </c>
      <c r="W31" s="146"/>
    </row>
    <row r="32" spans="1:24" ht="12.75" customHeight="1">
      <c r="A32" s="149" t="s">
        <v>353</v>
      </c>
      <c r="B32" s="140">
        <v>114106</v>
      </c>
      <c r="C32" s="140">
        <v>11795</v>
      </c>
      <c r="D32" s="140">
        <v>78342</v>
      </c>
      <c r="E32" s="866">
        <v>19028</v>
      </c>
      <c r="F32" s="163">
        <v>113612</v>
      </c>
      <c r="G32" s="140">
        <v>11916</v>
      </c>
      <c r="H32" s="140">
        <v>77755</v>
      </c>
      <c r="I32" s="866">
        <v>19000</v>
      </c>
      <c r="J32" s="139">
        <v>494</v>
      </c>
      <c r="K32" s="140">
        <v>-121</v>
      </c>
      <c r="L32" s="140">
        <v>587</v>
      </c>
      <c r="M32" s="140">
        <v>28</v>
      </c>
      <c r="N32" s="141">
        <v>0.43481322395521593</v>
      </c>
      <c r="O32" s="141">
        <v>-1.0154414232964082</v>
      </c>
      <c r="P32" s="141">
        <v>0.7549353739309369</v>
      </c>
      <c r="Q32" s="143">
        <v>0.14736842105263159</v>
      </c>
      <c r="R32" s="144">
        <v>10.8</v>
      </c>
      <c r="S32" s="144">
        <v>71.8</v>
      </c>
      <c r="T32" s="145">
        <v>17.399999999999999</v>
      </c>
      <c r="U32" s="150">
        <v>42.81</v>
      </c>
      <c r="V32" s="147">
        <v>161.30000000000001</v>
      </c>
      <c r="W32" s="146"/>
    </row>
    <row r="33" spans="1:23" ht="12.75" customHeight="1">
      <c r="A33" s="149" t="s">
        <v>354</v>
      </c>
      <c r="B33" s="140">
        <v>113670</v>
      </c>
      <c r="C33" s="140">
        <v>15875</v>
      </c>
      <c r="D33" s="140">
        <v>74037</v>
      </c>
      <c r="E33" s="866">
        <v>21213</v>
      </c>
      <c r="F33" s="163">
        <v>113621</v>
      </c>
      <c r="G33" s="140">
        <v>16212</v>
      </c>
      <c r="H33" s="140">
        <v>73804</v>
      </c>
      <c r="I33" s="866">
        <v>21060</v>
      </c>
      <c r="J33" s="139">
        <v>49</v>
      </c>
      <c r="K33" s="140">
        <v>-337</v>
      </c>
      <c r="L33" s="140">
        <v>233</v>
      </c>
      <c r="M33" s="140">
        <v>153</v>
      </c>
      <c r="N33" s="141">
        <v>4.3125830612298778E-2</v>
      </c>
      <c r="O33" s="141">
        <v>-2.078707130520602</v>
      </c>
      <c r="P33" s="141">
        <v>0.3157010460137662</v>
      </c>
      <c r="Q33" s="143">
        <v>0.72649572649572647</v>
      </c>
      <c r="R33" s="144">
        <v>14.3</v>
      </c>
      <c r="S33" s="144">
        <v>66.599999999999994</v>
      </c>
      <c r="T33" s="145">
        <v>19.100000000000001</v>
      </c>
      <c r="U33" s="150">
        <v>43.6</v>
      </c>
      <c r="V33" s="147">
        <v>133.6</v>
      </c>
      <c r="W33" s="146"/>
    </row>
    <row r="34" spans="1:23" ht="12.75" customHeight="1">
      <c r="A34" s="149" t="s">
        <v>355</v>
      </c>
      <c r="B34" s="140">
        <v>87277</v>
      </c>
      <c r="C34" s="140">
        <v>11330</v>
      </c>
      <c r="D34" s="140">
        <v>54579</v>
      </c>
      <c r="E34" s="866">
        <v>18920</v>
      </c>
      <c r="F34" s="163">
        <v>87273</v>
      </c>
      <c r="G34" s="140">
        <v>11576</v>
      </c>
      <c r="H34" s="140">
        <v>54408</v>
      </c>
      <c r="I34" s="866">
        <v>18841</v>
      </c>
      <c r="J34" s="139">
        <v>4</v>
      </c>
      <c r="K34" s="140">
        <v>-246</v>
      </c>
      <c r="L34" s="140">
        <v>171</v>
      </c>
      <c r="M34" s="140">
        <v>79</v>
      </c>
      <c r="N34" s="141">
        <v>4.5833190104614258E-3</v>
      </c>
      <c r="O34" s="141">
        <v>-2.1250863856254321</v>
      </c>
      <c r="P34" s="141">
        <v>0.31429201588001765</v>
      </c>
      <c r="Q34" s="143">
        <v>0.41929833872936684</v>
      </c>
      <c r="R34" s="144">
        <v>13.4</v>
      </c>
      <c r="S34" s="144">
        <v>64.3</v>
      </c>
      <c r="T34" s="145">
        <v>22.3</v>
      </c>
      <c r="U34" s="150">
        <v>45.12</v>
      </c>
      <c r="V34" s="147">
        <v>167</v>
      </c>
      <c r="W34" s="146"/>
    </row>
    <row r="35" spans="1:23" ht="9" customHeight="1">
      <c r="A35" s="173"/>
      <c r="B35" s="140"/>
      <c r="C35" s="140"/>
      <c r="D35" s="140"/>
      <c r="E35" s="866"/>
      <c r="F35" s="891"/>
      <c r="G35" s="892"/>
      <c r="H35" s="892"/>
      <c r="I35" s="893"/>
      <c r="J35" s="139"/>
      <c r="K35" s="140"/>
      <c r="L35" s="140"/>
      <c r="M35" s="140"/>
      <c r="N35" s="141"/>
      <c r="O35" s="142"/>
      <c r="P35" s="142"/>
      <c r="Q35" s="143"/>
      <c r="R35" s="144"/>
      <c r="S35" s="144"/>
      <c r="T35" s="145"/>
      <c r="U35" s="150"/>
      <c r="V35" s="147"/>
      <c r="W35" s="146"/>
    </row>
    <row r="36" spans="1:23" ht="12.75" customHeight="1">
      <c r="A36" s="189" t="s">
        <v>356</v>
      </c>
      <c r="B36" s="137">
        <v>330139</v>
      </c>
      <c r="C36" s="137">
        <v>35693</v>
      </c>
      <c r="D36" s="137">
        <v>196857</v>
      </c>
      <c r="E36" s="865">
        <v>95659</v>
      </c>
      <c r="F36" s="890">
        <v>333408</v>
      </c>
      <c r="G36" s="137">
        <v>36796</v>
      </c>
      <c r="H36" s="137">
        <v>198174</v>
      </c>
      <c r="I36" s="865">
        <v>96508</v>
      </c>
      <c r="J36" s="136">
        <v>-3269</v>
      </c>
      <c r="K36" s="137">
        <v>-1103</v>
      </c>
      <c r="L36" s="137">
        <v>-1317</v>
      </c>
      <c r="M36" s="137">
        <v>-849</v>
      </c>
      <c r="N36" s="623">
        <v>-0.98048037239658303</v>
      </c>
      <c r="O36" s="623">
        <v>-2.9976084356995325</v>
      </c>
      <c r="P36" s="623">
        <v>-0.66456750128674802</v>
      </c>
      <c r="Q36" s="624">
        <v>-0.87971981597380533</v>
      </c>
      <c r="R36" s="615">
        <v>10.9</v>
      </c>
      <c r="S36" s="615">
        <v>60</v>
      </c>
      <c r="T36" s="616">
        <v>29.1</v>
      </c>
      <c r="U36" s="625">
        <v>48.82</v>
      </c>
      <c r="V36" s="626">
        <v>268</v>
      </c>
      <c r="W36" s="138"/>
    </row>
    <row r="37" spans="1:23" ht="12.75" customHeight="1">
      <c r="A37" s="173" t="s">
        <v>357</v>
      </c>
      <c r="B37" s="140">
        <v>188682</v>
      </c>
      <c r="C37" s="140">
        <v>19305</v>
      </c>
      <c r="D37" s="140">
        <v>114545</v>
      </c>
      <c r="E37" s="866">
        <v>54398</v>
      </c>
      <c r="F37" s="163">
        <v>190994</v>
      </c>
      <c r="G37" s="140">
        <v>19976</v>
      </c>
      <c r="H37" s="140">
        <v>115669</v>
      </c>
      <c r="I37" s="866">
        <v>54915</v>
      </c>
      <c r="J37" s="139">
        <v>-2312</v>
      </c>
      <c r="K37" s="140">
        <v>-671</v>
      </c>
      <c r="L37" s="140">
        <v>-1124</v>
      </c>
      <c r="M37" s="140">
        <v>-517</v>
      </c>
      <c r="N37" s="141">
        <v>-1.2105092306564604</v>
      </c>
      <c r="O37" s="141">
        <v>-3.3590308370044051</v>
      </c>
      <c r="P37" s="141">
        <v>-0.97173832228168311</v>
      </c>
      <c r="Q37" s="143">
        <v>-0.94145497587180182</v>
      </c>
      <c r="R37" s="144">
        <v>10.3</v>
      </c>
      <c r="S37" s="144">
        <v>60.8</v>
      </c>
      <c r="T37" s="145">
        <v>28.9</v>
      </c>
      <c r="U37" s="150">
        <v>48.36</v>
      </c>
      <c r="V37" s="147">
        <v>281.8</v>
      </c>
      <c r="W37" s="146"/>
    </row>
    <row r="38" spans="1:23" ht="12.75" customHeight="1">
      <c r="A38" s="173" t="s">
        <v>358</v>
      </c>
      <c r="B38" s="140">
        <v>80806</v>
      </c>
      <c r="C38" s="140">
        <v>9628</v>
      </c>
      <c r="D38" s="140">
        <v>48576</v>
      </c>
      <c r="E38" s="866">
        <v>22232</v>
      </c>
      <c r="F38" s="163">
        <v>81089</v>
      </c>
      <c r="G38" s="140">
        <v>9860</v>
      </c>
      <c r="H38" s="140">
        <v>48454</v>
      </c>
      <c r="I38" s="866">
        <v>22405</v>
      </c>
      <c r="J38" s="139">
        <v>-283</v>
      </c>
      <c r="K38" s="140">
        <v>-232</v>
      </c>
      <c r="L38" s="140">
        <v>122</v>
      </c>
      <c r="M38" s="140">
        <v>-173</v>
      </c>
      <c r="N38" s="141">
        <v>-0.34899924774013741</v>
      </c>
      <c r="O38" s="141">
        <v>-2.3529411764705883</v>
      </c>
      <c r="P38" s="141">
        <v>0.25178519833243901</v>
      </c>
      <c r="Q38" s="143">
        <v>-0.77214907386744025</v>
      </c>
      <c r="R38" s="144">
        <v>12</v>
      </c>
      <c r="S38" s="144">
        <v>60.4</v>
      </c>
      <c r="T38" s="145">
        <v>27.6</v>
      </c>
      <c r="U38" s="150">
        <v>48.65</v>
      </c>
      <c r="V38" s="147">
        <v>230.9</v>
      </c>
      <c r="W38" s="146"/>
    </row>
    <row r="39" spans="1:23" ht="12.75" customHeight="1">
      <c r="A39" s="173" t="s">
        <v>359</v>
      </c>
      <c r="B39" s="140">
        <v>26385</v>
      </c>
      <c r="C39" s="140">
        <v>3152</v>
      </c>
      <c r="D39" s="140">
        <v>15031</v>
      </c>
      <c r="E39" s="866">
        <v>7424</v>
      </c>
      <c r="F39" s="163">
        <v>26654</v>
      </c>
      <c r="G39" s="140">
        <v>3200</v>
      </c>
      <c r="H39" s="140">
        <v>15171</v>
      </c>
      <c r="I39" s="866">
        <v>7505</v>
      </c>
      <c r="J39" s="139">
        <v>-269</v>
      </c>
      <c r="K39" s="140">
        <v>-48</v>
      </c>
      <c r="L39" s="140">
        <v>-140</v>
      </c>
      <c r="M39" s="140">
        <v>-81</v>
      </c>
      <c r="N39" s="141">
        <v>-1.0092293839573798</v>
      </c>
      <c r="O39" s="141">
        <v>-1.5</v>
      </c>
      <c r="P39" s="141">
        <v>-0.92281326214488157</v>
      </c>
      <c r="Q39" s="143">
        <v>-1.0792804796802133</v>
      </c>
      <c r="R39" s="144">
        <v>12.3</v>
      </c>
      <c r="S39" s="144">
        <v>58.7</v>
      </c>
      <c r="T39" s="145">
        <v>29</v>
      </c>
      <c r="U39" s="150">
        <v>49.23</v>
      </c>
      <c r="V39" s="147">
        <v>235.5</v>
      </c>
      <c r="W39" s="146"/>
    </row>
    <row r="40" spans="1:23" ht="12.75" customHeight="1">
      <c r="A40" s="173" t="s">
        <v>360</v>
      </c>
      <c r="B40" s="140">
        <v>19518</v>
      </c>
      <c r="C40" s="140">
        <v>1636</v>
      </c>
      <c r="D40" s="140">
        <v>10446</v>
      </c>
      <c r="E40" s="866">
        <v>7368</v>
      </c>
      <c r="F40" s="163">
        <v>19799</v>
      </c>
      <c r="G40" s="140">
        <v>1715</v>
      </c>
      <c r="H40" s="140">
        <v>10617</v>
      </c>
      <c r="I40" s="866">
        <v>7399</v>
      </c>
      <c r="J40" s="139">
        <v>-281</v>
      </c>
      <c r="K40" s="140">
        <v>-79</v>
      </c>
      <c r="L40" s="140">
        <v>-171</v>
      </c>
      <c r="M40" s="140">
        <v>-31</v>
      </c>
      <c r="N40" s="141">
        <v>-1.4192635991716753</v>
      </c>
      <c r="O40" s="141">
        <v>-4.6064139941690962</v>
      </c>
      <c r="P40" s="141">
        <v>-1.6106244701893191</v>
      </c>
      <c r="Q40" s="143">
        <v>-0.41897553723476144</v>
      </c>
      <c r="R40" s="144">
        <v>8.4</v>
      </c>
      <c r="S40" s="144">
        <v>53.7</v>
      </c>
      <c r="T40" s="145">
        <v>37.9</v>
      </c>
      <c r="U40" s="150">
        <v>53.22</v>
      </c>
      <c r="V40" s="147">
        <v>450.4</v>
      </c>
      <c r="W40" s="146"/>
    </row>
    <row r="41" spans="1:23" ht="12.75" customHeight="1">
      <c r="A41" s="173" t="s">
        <v>361</v>
      </c>
      <c r="B41" s="140">
        <v>14748</v>
      </c>
      <c r="C41" s="140">
        <v>1972</v>
      </c>
      <c r="D41" s="140">
        <v>8259</v>
      </c>
      <c r="E41" s="866">
        <v>4237</v>
      </c>
      <c r="F41" s="163">
        <v>14872</v>
      </c>
      <c r="G41" s="140">
        <v>2045</v>
      </c>
      <c r="H41" s="140">
        <v>8263</v>
      </c>
      <c r="I41" s="866">
        <v>4284</v>
      </c>
      <c r="J41" s="139">
        <v>-124</v>
      </c>
      <c r="K41" s="140">
        <v>-73</v>
      </c>
      <c r="L41" s="140">
        <v>-4</v>
      </c>
      <c r="M41" s="140">
        <v>-47</v>
      </c>
      <c r="N41" s="141">
        <v>-0.83378160301237225</v>
      </c>
      <c r="O41" s="141">
        <v>-3.5696821515892423</v>
      </c>
      <c r="P41" s="141">
        <v>-4.8408568316592036E-2</v>
      </c>
      <c r="Q41" s="143">
        <v>-1.0971055088702146</v>
      </c>
      <c r="R41" s="144">
        <v>13.6</v>
      </c>
      <c r="S41" s="144">
        <v>57.1</v>
      </c>
      <c r="T41" s="145">
        <v>29.3</v>
      </c>
      <c r="U41" s="150">
        <v>49.08</v>
      </c>
      <c r="V41" s="147">
        <v>214.9</v>
      </c>
      <c r="W41" s="146"/>
    </row>
    <row r="42" spans="1:23" ht="9" customHeight="1">
      <c r="A42" s="173"/>
      <c r="B42" s="140"/>
      <c r="C42" s="140"/>
      <c r="D42" s="140"/>
      <c r="E42" s="866"/>
      <c r="F42" s="891"/>
      <c r="G42" s="892"/>
      <c r="H42" s="892"/>
      <c r="I42" s="893"/>
      <c r="J42" s="139"/>
      <c r="K42" s="140"/>
      <c r="L42" s="140"/>
      <c r="M42" s="140"/>
      <c r="N42" s="141"/>
      <c r="O42" s="142"/>
      <c r="P42" s="142"/>
      <c r="Q42" s="143"/>
      <c r="R42" s="144"/>
      <c r="S42" s="144"/>
      <c r="T42" s="145"/>
      <c r="U42" s="150"/>
      <c r="V42" s="147"/>
      <c r="W42" s="146"/>
    </row>
    <row r="43" spans="1:23" ht="12.75" customHeight="1">
      <c r="A43" s="189" t="s">
        <v>362</v>
      </c>
      <c r="B43" s="137">
        <v>797828</v>
      </c>
      <c r="C43" s="137">
        <v>91852</v>
      </c>
      <c r="D43" s="137">
        <v>501447</v>
      </c>
      <c r="E43" s="865">
        <v>184032</v>
      </c>
      <c r="F43" s="890">
        <v>796791</v>
      </c>
      <c r="G43" s="137">
        <v>93176</v>
      </c>
      <c r="H43" s="137">
        <v>499039</v>
      </c>
      <c r="I43" s="865">
        <v>184078</v>
      </c>
      <c r="J43" s="136">
        <v>1037</v>
      </c>
      <c r="K43" s="137">
        <v>-1324</v>
      </c>
      <c r="L43" s="137">
        <v>2408</v>
      </c>
      <c r="M43" s="137">
        <v>-46</v>
      </c>
      <c r="N43" s="623">
        <v>0.13014705236379429</v>
      </c>
      <c r="O43" s="623">
        <v>-1.4209667725594575</v>
      </c>
      <c r="P43" s="623">
        <v>0.48252741769681329</v>
      </c>
      <c r="Q43" s="624">
        <v>-2.4989406664566106E-2</v>
      </c>
      <c r="R43" s="615">
        <v>11.8</v>
      </c>
      <c r="S43" s="615">
        <v>64.5</v>
      </c>
      <c r="T43" s="616">
        <v>23.7</v>
      </c>
      <c r="U43" s="625">
        <v>45.92</v>
      </c>
      <c r="V43" s="626">
        <v>200.4</v>
      </c>
      <c r="W43" s="138"/>
    </row>
    <row r="44" spans="1:23" ht="12.75" customHeight="1">
      <c r="A44" s="173" t="s">
        <v>363</v>
      </c>
      <c r="B44" s="140">
        <v>361575</v>
      </c>
      <c r="C44" s="140">
        <v>40427</v>
      </c>
      <c r="D44" s="140">
        <v>225165</v>
      </c>
      <c r="E44" s="866">
        <v>84436</v>
      </c>
      <c r="F44" s="163">
        <v>361887</v>
      </c>
      <c r="G44" s="140">
        <v>41296</v>
      </c>
      <c r="H44" s="140">
        <v>224568</v>
      </c>
      <c r="I44" s="866">
        <v>84476</v>
      </c>
      <c r="J44" s="139">
        <v>-312</v>
      </c>
      <c r="K44" s="140">
        <v>-869</v>
      </c>
      <c r="L44" s="140">
        <v>597</v>
      </c>
      <c r="M44" s="140">
        <v>-40</v>
      </c>
      <c r="N44" s="141">
        <v>-8.6214757645342324E-2</v>
      </c>
      <c r="O44" s="141">
        <v>-2.1043200309957379</v>
      </c>
      <c r="P44" s="141">
        <v>0.26584375333974564</v>
      </c>
      <c r="Q44" s="143">
        <v>-4.7350726833656896E-2</v>
      </c>
      <c r="R44" s="144">
        <v>11.5</v>
      </c>
      <c r="S44" s="144">
        <v>64.3</v>
      </c>
      <c r="T44" s="145">
        <v>24.1</v>
      </c>
      <c r="U44" s="150">
        <v>46.24</v>
      </c>
      <c r="V44" s="147">
        <v>208.9</v>
      </c>
      <c r="W44" s="146"/>
    </row>
    <row r="45" spans="1:23" ht="12.75" customHeight="1">
      <c r="A45" s="149" t="s">
        <v>342</v>
      </c>
      <c r="B45" s="140">
        <v>84776</v>
      </c>
      <c r="C45" s="140">
        <v>8886</v>
      </c>
      <c r="D45" s="140">
        <v>51102</v>
      </c>
      <c r="E45" s="866">
        <v>22302</v>
      </c>
      <c r="F45" s="163">
        <v>85121</v>
      </c>
      <c r="G45" s="140">
        <v>9161</v>
      </c>
      <c r="H45" s="140">
        <v>51237</v>
      </c>
      <c r="I45" s="866">
        <v>22237</v>
      </c>
      <c r="J45" s="139">
        <v>-345</v>
      </c>
      <c r="K45" s="140">
        <v>-275</v>
      </c>
      <c r="L45" s="140">
        <v>-135</v>
      </c>
      <c r="M45" s="140">
        <v>65</v>
      </c>
      <c r="N45" s="141">
        <v>-0.4053053887994737</v>
      </c>
      <c r="O45" s="141">
        <v>-3.0018556926099773</v>
      </c>
      <c r="P45" s="141">
        <v>-0.26348146847005094</v>
      </c>
      <c r="Q45" s="143">
        <v>0.29230561676485139</v>
      </c>
      <c r="R45" s="144">
        <v>10.8</v>
      </c>
      <c r="S45" s="144">
        <v>62.1</v>
      </c>
      <c r="T45" s="145">
        <v>27.1</v>
      </c>
      <c r="U45" s="150">
        <v>47.48</v>
      </c>
      <c r="V45" s="147">
        <v>251</v>
      </c>
      <c r="W45" s="146"/>
    </row>
    <row r="46" spans="1:23" ht="12.75" customHeight="1">
      <c r="A46" s="149" t="s">
        <v>364</v>
      </c>
      <c r="B46" s="140">
        <v>137077</v>
      </c>
      <c r="C46" s="140">
        <v>16051</v>
      </c>
      <c r="D46" s="140">
        <v>86437</v>
      </c>
      <c r="E46" s="866">
        <v>30713</v>
      </c>
      <c r="F46" s="163">
        <v>136978</v>
      </c>
      <c r="G46" s="140">
        <v>16313</v>
      </c>
      <c r="H46" s="140">
        <v>86095</v>
      </c>
      <c r="I46" s="866">
        <v>30694</v>
      </c>
      <c r="J46" s="139">
        <v>99</v>
      </c>
      <c r="K46" s="140">
        <v>-262</v>
      </c>
      <c r="L46" s="140">
        <v>342</v>
      </c>
      <c r="M46" s="140">
        <v>19</v>
      </c>
      <c r="N46" s="141">
        <v>7.2274379827417537E-2</v>
      </c>
      <c r="O46" s="141">
        <v>-1.6060810396616196</v>
      </c>
      <c r="P46" s="141">
        <v>0.39723561182414774</v>
      </c>
      <c r="Q46" s="143">
        <v>6.1901348797810646E-2</v>
      </c>
      <c r="R46" s="144">
        <v>12.1</v>
      </c>
      <c r="S46" s="144">
        <v>64.900000000000006</v>
      </c>
      <c r="T46" s="145">
        <v>23.1</v>
      </c>
      <c r="U46" s="150">
        <v>45.67</v>
      </c>
      <c r="V46" s="147">
        <v>191.3</v>
      </c>
      <c r="W46" s="146"/>
    </row>
    <row r="47" spans="1:23" ht="12.75" customHeight="1">
      <c r="A47" s="149" t="s">
        <v>334</v>
      </c>
      <c r="B47" s="140">
        <v>139722</v>
      </c>
      <c r="C47" s="140">
        <v>15490</v>
      </c>
      <c r="D47" s="140">
        <v>87626</v>
      </c>
      <c r="E47" s="866">
        <v>31421</v>
      </c>
      <c r="F47" s="163">
        <v>139788</v>
      </c>
      <c r="G47" s="140">
        <v>15822</v>
      </c>
      <c r="H47" s="140">
        <v>87236</v>
      </c>
      <c r="I47" s="866">
        <v>31545</v>
      </c>
      <c r="J47" s="139">
        <v>-66</v>
      </c>
      <c r="K47" s="140">
        <v>-332</v>
      </c>
      <c r="L47" s="140">
        <v>390</v>
      </c>
      <c r="M47" s="140">
        <v>-124</v>
      </c>
      <c r="N47" s="141">
        <v>-4.7214353163361665E-2</v>
      </c>
      <c r="O47" s="141">
        <v>-2.0983440778662623</v>
      </c>
      <c r="P47" s="141">
        <v>0.44706313907102574</v>
      </c>
      <c r="Q47" s="143">
        <v>-0.39308923759708353</v>
      </c>
      <c r="R47" s="144">
        <v>11.5</v>
      </c>
      <c r="S47" s="144">
        <v>65.099999999999994</v>
      </c>
      <c r="T47" s="145">
        <v>23.4</v>
      </c>
      <c r="U47" s="150">
        <v>46.05</v>
      </c>
      <c r="V47" s="147">
        <v>202.8</v>
      </c>
      <c r="W47" s="146"/>
    </row>
    <row r="48" spans="1:23" ht="12.75" customHeight="1">
      <c r="A48" s="173" t="s">
        <v>365</v>
      </c>
      <c r="B48" s="140">
        <v>115250</v>
      </c>
      <c r="C48" s="140">
        <v>12735</v>
      </c>
      <c r="D48" s="140">
        <v>74153</v>
      </c>
      <c r="E48" s="866">
        <v>26785</v>
      </c>
      <c r="F48" s="163">
        <v>115181</v>
      </c>
      <c r="G48" s="140">
        <v>13061</v>
      </c>
      <c r="H48" s="140">
        <v>73817</v>
      </c>
      <c r="I48" s="866">
        <v>26726</v>
      </c>
      <c r="J48" s="139">
        <v>69</v>
      </c>
      <c r="K48" s="140">
        <v>-326</v>
      </c>
      <c r="L48" s="140">
        <v>336</v>
      </c>
      <c r="M48" s="140">
        <v>59</v>
      </c>
      <c r="N48" s="141">
        <v>5.9905713615960969E-2</v>
      </c>
      <c r="O48" s="141">
        <v>-2.4959803996631194</v>
      </c>
      <c r="P48" s="141">
        <v>0.45517970115285095</v>
      </c>
      <c r="Q48" s="143">
        <v>0.22075881164409189</v>
      </c>
      <c r="R48" s="144">
        <v>11.2</v>
      </c>
      <c r="S48" s="144">
        <v>65.2</v>
      </c>
      <c r="T48" s="145">
        <v>23.6</v>
      </c>
      <c r="U48" s="150">
        <v>45.76</v>
      </c>
      <c r="V48" s="147">
        <v>210.3</v>
      </c>
      <c r="W48" s="146"/>
    </row>
    <row r="49" spans="1:23" ht="12.75" customHeight="1">
      <c r="A49" s="173" t="s">
        <v>366</v>
      </c>
      <c r="B49" s="140">
        <v>121120</v>
      </c>
      <c r="C49" s="140">
        <v>14772</v>
      </c>
      <c r="D49" s="140">
        <v>76987</v>
      </c>
      <c r="E49" s="866">
        <v>25350</v>
      </c>
      <c r="F49" s="163">
        <v>120406</v>
      </c>
      <c r="G49" s="140">
        <v>14709</v>
      </c>
      <c r="H49" s="140">
        <v>76352</v>
      </c>
      <c r="I49" s="866">
        <v>25334</v>
      </c>
      <c r="J49" s="139">
        <v>714</v>
      </c>
      <c r="K49" s="140">
        <v>63</v>
      </c>
      <c r="L49" s="140">
        <v>635</v>
      </c>
      <c r="M49" s="140">
        <v>16</v>
      </c>
      <c r="N49" s="141">
        <v>0.59299370463265955</v>
      </c>
      <c r="O49" s="141">
        <v>0.4283091984499286</v>
      </c>
      <c r="P49" s="141">
        <v>0.83167435037720028</v>
      </c>
      <c r="Q49" s="143">
        <v>6.3156232730717618E-2</v>
      </c>
      <c r="R49" s="144">
        <v>12.6</v>
      </c>
      <c r="S49" s="144">
        <v>65.7</v>
      </c>
      <c r="T49" s="145">
        <v>21.6</v>
      </c>
      <c r="U49" s="150">
        <v>44.93</v>
      </c>
      <c r="V49" s="147">
        <v>171.6</v>
      </c>
      <c r="W49" s="146"/>
    </row>
    <row r="50" spans="1:23" ht="12.75" customHeight="1">
      <c r="A50" s="173" t="s">
        <v>367</v>
      </c>
      <c r="B50" s="140">
        <v>70047</v>
      </c>
      <c r="C50" s="140">
        <v>9059</v>
      </c>
      <c r="D50" s="140">
        <v>44227</v>
      </c>
      <c r="E50" s="866">
        <v>15571</v>
      </c>
      <c r="F50" s="163">
        <v>69092</v>
      </c>
      <c r="G50" s="140">
        <v>8946</v>
      </c>
      <c r="H50" s="140">
        <v>43463</v>
      </c>
      <c r="I50" s="866">
        <v>15493</v>
      </c>
      <c r="J50" s="139">
        <v>955</v>
      </c>
      <c r="K50" s="140">
        <v>113</v>
      </c>
      <c r="L50" s="140">
        <v>764</v>
      </c>
      <c r="M50" s="140">
        <v>78</v>
      </c>
      <c r="N50" s="141">
        <v>1.382215017657616</v>
      </c>
      <c r="O50" s="141">
        <v>1.263134361725911</v>
      </c>
      <c r="P50" s="141">
        <v>1.7578169937648114</v>
      </c>
      <c r="Q50" s="143">
        <v>0.50345317240043896</v>
      </c>
      <c r="R50" s="144">
        <v>13.2</v>
      </c>
      <c r="S50" s="144">
        <v>64.2</v>
      </c>
      <c r="T50" s="145">
        <v>22.6</v>
      </c>
      <c r="U50" s="150">
        <v>44.87</v>
      </c>
      <c r="V50" s="147">
        <v>171.9</v>
      </c>
      <c r="W50" s="146"/>
    </row>
    <row r="51" spans="1:23" ht="12.75" customHeight="1">
      <c r="A51" s="173" t="s">
        <v>368</v>
      </c>
      <c r="B51" s="140">
        <v>65635</v>
      </c>
      <c r="C51" s="140">
        <v>7375</v>
      </c>
      <c r="D51" s="140">
        <v>41626</v>
      </c>
      <c r="E51" s="866">
        <v>15173</v>
      </c>
      <c r="F51" s="163">
        <v>65822</v>
      </c>
      <c r="G51" s="140">
        <v>7490</v>
      </c>
      <c r="H51" s="140">
        <v>41677</v>
      </c>
      <c r="I51" s="866">
        <v>15194</v>
      </c>
      <c r="J51" s="139">
        <v>-187</v>
      </c>
      <c r="K51" s="140">
        <v>-115</v>
      </c>
      <c r="L51" s="140">
        <v>-51</v>
      </c>
      <c r="M51" s="140">
        <v>-21</v>
      </c>
      <c r="N51" s="141">
        <v>-0.28409954118683722</v>
      </c>
      <c r="O51" s="141">
        <v>-1.5353805073431241</v>
      </c>
      <c r="P51" s="141">
        <v>-0.12236965232622309</v>
      </c>
      <c r="Q51" s="143">
        <v>-0.13821245228379625</v>
      </c>
      <c r="R51" s="144">
        <v>11.5</v>
      </c>
      <c r="S51" s="144">
        <v>64.900000000000006</v>
      </c>
      <c r="T51" s="145">
        <v>23.6</v>
      </c>
      <c r="U51" s="150">
        <v>46.36</v>
      </c>
      <c r="V51" s="147">
        <v>205.7</v>
      </c>
      <c r="W51" s="146"/>
    </row>
    <row r="52" spans="1:23" ht="12.75" customHeight="1">
      <c r="A52" s="173" t="s">
        <v>369</v>
      </c>
      <c r="B52" s="140">
        <v>42087</v>
      </c>
      <c r="C52" s="140">
        <v>5301</v>
      </c>
      <c r="D52" s="140">
        <v>25966</v>
      </c>
      <c r="E52" s="866">
        <v>10405</v>
      </c>
      <c r="F52" s="163">
        <v>42175</v>
      </c>
      <c r="G52" s="140">
        <v>5422</v>
      </c>
      <c r="H52" s="140">
        <v>25778</v>
      </c>
      <c r="I52" s="866">
        <v>10560</v>
      </c>
      <c r="J52" s="139">
        <v>-88</v>
      </c>
      <c r="K52" s="140">
        <v>-121</v>
      </c>
      <c r="L52" s="140">
        <v>188</v>
      </c>
      <c r="M52" s="140">
        <v>-155</v>
      </c>
      <c r="N52" s="141">
        <v>-0.2086544161232958</v>
      </c>
      <c r="O52" s="141">
        <v>-2.2316488380671342</v>
      </c>
      <c r="P52" s="141">
        <v>0.72930405772364038</v>
      </c>
      <c r="Q52" s="143">
        <v>-1.4678030303030303</v>
      </c>
      <c r="R52" s="144">
        <v>12.7</v>
      </c>
      <c r="S52" s="144">
        <v>62.3</v>
      </c>
      <c r="T52" s="145">
        <v>25</v>
      </c>
      <c r="U52" s="150">
        <v>46.11</v>
      </c>
      <c r="V52" s="147">
        <v>196.3</v>
      </c>
      <c r="W52" s="146"/>
    </row>
    <row r="53" spans="1:23" ht="12.75" customHeight="1">
      <c r="A53" s="173" t="s">
        <v>370</v>
      </c>
      <c r="B53" s="140">
        <v>20606</v>
      </c>
      <c r="C53" s="140">
        <v>2056</v>
      </c>
      <c r="D53" s="140">
        <v>12488</v>
      </c>
      <c r="E53" s="866">
        <v>5766</v>
      </c>
      <c r="F53" s="163">
        <v>20692</v>
      </c>
      <c r="G53" s="140">
        <v>2113</v>
      </c>
      <c r="H53" s="140">
        <v>12543</v>
      </c>
      <c r="I53" s="866">
        <v>5739</v>
      </c>
      <c r="J53" s="139">
        <v>-86</v>
      </c>
      <c r="K53" s="140">
        <v>-57</v>
      </c>
      <c r="L53" s="140">
        <v>-55</v>
      </c>
      <c r="M53" s="140">
        <v>27</v>
      </c>
      <c r="N53" s="141">
        <v>-0.41561956311618015</v>
      </c>
      <c r="O53" s="141">
        <v>-2.6975863700899194</v>
      </c>
      <c r="P53" s="141">
        <v>-0.43849158893406687</v>
      </c>
      <c r="Q53" s="143">
        <v>0.47046523784631472</v>
      </c>
      <c r="R53" s="144">
        <v>10.1</v>
      </c>
      <c r="S53" s="144">
        <v>61.5</v>
      </c>
      <c r="T53" s="145">
        <v>28.4</v>
      </c>
      <c r="U53" s="150">
        <v>48.17</v>
      </c>
      <c r="V53" s="147">
        <v>280.39999999999998</v>
      </c>
      <c r="W53" s="146"/>
    </row>
    <row r="54" spans="1:23" ht="12.75" customHeight="1">
      <c r="A54" s="173" t="s">
        <v>371</v>
      </c>
      <c r="B54" s="140">
        <v>1508</v>
      </c>
      <c r="C54" s="140">
        <v>127</v>
      </c>
      <c r="D54" s="140">
        <v>835</v>
      </c>
      <c r="E54" s="866">
        <v>546</v>
      </c>
      <c r="F54" s="163">
        <v>1536</v>
      </c>
      <c r="G54" s="140">
        <v>139</v>
      </c>
      <c r="H54" s="140">
        <v>841</v>
      </c>
      <c r="I54" s="866">
        <v>556</v>
      </c>
      <c r="J54" s="139">
        <v>-28</v>
      </c>
      <c r="K54" s="140">
        <v>-12</v>
      </c>
      <c r="L54" s="140">
        <v>-6</v>
      </c>
      <c r="M54" s="140">
        <v>-10</v>
      </c>
      <c r="N54" s="141">
        <v>-1.8229166666666667</v>
      </c>
      <c r="O54" s="141">
        <v>-8.6330935251798557</v>
      </c>
      <c r="P54" s="141">
        <v>-0.71343638525564801</v>
      </c>
      <c r="Q54" s="143">
        <v>-1.7985611510791366</v>
      </c>
      <c r="R54" s="144">
        <v>8.4</v>
      </c>
      <c r="S54" s="144">
        <v>55.4</v>
      </c>
      <c r="T54" s="145">
        <v>36.200000000000003</v>
      </c>
      <c r="U54" s="150">
        <v>52.36</v>
      </c>
      <c r="V54" s="147">
        <v>429.9</v>
      </c>
      <c r="W54" s="146"/>
    </row>
    <row r="55" spans="1:23" ht="9" customHeight="1">
      <c r="A55" s="173"/>
      <c r="B55" s="140"/>
      <c r="C55" s="140"/>
      <c r="D55" s="140"/>
      <c r="E55" s="866"/>
      <c r="F55" s="891"/>
      <c r="G55" s="892"/>
      <c r="H55" s="892"/>
      <c r="I55" s="893"/>
      <c r="J55" s="139"/>
      <c r="K55" s="140"/>
      <c r="L55" s="140"/>
      <c r="M55" s="140"/>
      <c r="N55" s="141"/>
      <c r="O55" s="142"/>
      <c r="P55" s="142"/>
      <c r="Q55" s="143"/>
      <c r="R55" s="144"/>
      <c r="S55" s="144"/>
      <c r="T55" s="145"/>
      <c r="U55" s="150"/>
      <c r="V55" s="147"/>
      <c r="W55" s="146"/>
    </row>
    <row r="56" spans="1:23" ht="12.75" customHeight="1">
      <c r="A56" s="189" t="s">
        <v>372</v>
      </c>
      <c r="B56" s="137">
        <v>651482</v>
      </c>
      <c r="C56" s="137">
        <v>79178</v>
      </c>
      <c r="D56" s="137">
        <v>401204</v>
      </c>
      <c r="E56" s="865">
        <v>158435</v>
      </c>
      <c r="F56" s="890">
        <v>650830</v>
      </c>
      <c r="G56" s="137">
        <v>80420</v>
      </c>
      <c r="H56" s="137">
        <v>399395</v>
      </c>
      <c r="I56" s="865">
        <v>158349</v>
      </c>
      <c r="J56" s="136">
        <v>652</v>
      </c>
      <c r="K56" s="137">
        <v>-1242</v>
      </c>
      <c r="L56" s="137">
        <v>1809</v>
      </c>
      <c r="M56" s="137">
        <v>86</v>
      </c>
      <c r="N56" s="623">
        <v>0.10017977044696773</v>
      </c>
      <c r="O56" s="623">
        <v>-1.5443919423029095</v>
      </c>
      <c r="P56" s="623">
        <v>0.45293506428473063</v>
      </c>
      <c r="Q56" s="624">
        <v>5.4310415600982632E-2</v>
      </c>
      <c r="R56" s="615">
        <v>12.4</v>
      </c>
      <c r="S56" s="615">
        <v>62.8</v>
      </c>
      <c r="T56" s="616">
        <v>24.8</v>
      </c>
      <c r="U56" s="625">
        <v>46.3</v>
      </c>
      <c r="V56" s="626">
        <v>200.1</v>
      </c>
      <c r="W56" s="138"/>
    </row>
    <row r="57" spans="1:23" ht="12.75" customHeight="1">
      <c r="A57" s="173" t="s">
        <v>373</v>
      </c>
      <c r="B57" s="140">
        <v>128538</v>
      </c>
      <c r="C57" s="140">
        <v>14203</v>
      </c>
      <c r="D57" s="140">
        <v>78082</v>
      </c>
      <c r="E57" s="866">
        <v>32931</v>
      </c>
      <c r="F57" s="163">
        <v>128573</v>
      </c>
      <c r="G57" s="140">
        <v>14555</v>
      </c>
      <c r="H57" s="140">
        <v>77865</v>
      </c>
      <c r="I57" s="866">
        <v>32831</v>
      </c>
      <c r="J57" s="139">
        <v>-35</v>
      </c>
      <c r="K57" s="140">
        <v>-352</v>
      </c>
      <c r="L57" s="140">
        <v>217</v>
      </c>
      <c r="M57" s="140">
        <v>100</v>
      </c>
      <c r="N57" s="141">
        <v>-2.7221889510239322E-2</v>
      </c>
      <c r="O57" s="141">
        <v>-2.4184129165235313</v>
      </c>
      <c r="P57" s="141">
        <v>0.27868747190650484</v>
      </c>
      <c r="Q57" s="143">
        <v>0.3045901739209893</v>
      </c>
      <c r="R57" s="144">
        <v>11.3</v>
      </c>
      <c r="S57" s="144">
        <v>62.4</v>
      </c>
      <c r="T57" s="145">
        <v>26.3</v>
      </c>
      <c r="U57" s="150">
        <v>47.13</v>
      </c>
      <c r="V57" s="147">
        <v>231.9</v>
      </c>
      <c r="W57" s="146"/>
    </row>
    <row r="58" spans="1:23" ht="12.75" customHeight="1">
      <c r="A58" s="173" t="s">
        <v>374</v>
      </c>
      <c r="B58" s="140">
        <v>218983</v>
      </c>
      <c r="C58" s="140">
        <v>28935</v>
      </c>
      <c r="D58" s="140">
        <v>138264</v>
      </c>
      <c r="E58" s="866">
        <v>46804</v>
      </c>
      <c r="F58" s="163">
        <v>218078</v>
      </c>
      <c r="G58" s="140">
        <v>29111</v>
      </c>
      <c r="H58" s="140">
        <v>137192</v>
      </c>
      <c r="I58" s="866">
        <v>46795</v>
      </c>
      <c r="J58" s="139">
        <v>905</v>
      </c>
      <c r="K58" s="140">
        <v>-176</v>
      </c>
      <c r="L58" s="140">
        <v>1072</v>
      </c>
      <c r="M58" s="140">
        <v>9</v>
      </c>
      <c r="N58" s="141">
        <v>0.4149891323287998</v>
      </c>
      <c r="O58" s="141">
        <v>-0.6045824602383979</v>
      </c>
      <c r="P58" s="141">
        <v>0.78138666977666338</v>
      </c>
      <c r="Q58" s="143">
        <v>1.923282401966022E-2</v>
      </c>
      <c r="R58" s="144">
        <v>13.5</v>
      </c>
      <c r="S58" s="144">
        <v>64.599999999999994</v>
      </c>
      <c r="T58" s="145">
        <v>21.9</v>
      </c>
      <c r="U58" s="150">
        <v>44.84</v>
      </c>
      <c r="V58" s="147">
        <v>161.80000000000001</v>
      </c>
      <c r="W58" s="146"/>
    </row>
    <row r="59" spans="1:23" ht="12.75" customHeight="1">
      <c r="A59" s="173" t="s">
        <v>375</v>
      </c>
      <c r="B59" s="140">
        <v>118280</v>
      </c>
      <c r="C59" s="140">
        <v>15489</v>
      </c>
      <c r="D59" s="140">
        <v>72816</v>
      </c>
      <c r="E59" s="866">
        <v>28739</v>
      </c>
      <c r="F59" s="163">
        <v>118155</v>
      </c>
      <c r="G59" s="140">
        <v>15672</v>
      </c>
      <c r="H59" s="140">
        <v>72598</v>
      </c>
      <c r="I59" s="866">
        <v>28649</v>
      </c>
      <c r="J59" s="139">
        <v>125</v>
      </c>
      <c r="K59" s="140">
        <v>-183</v>
      </c>
      <c r="L59" s="140">
        <v>218</v>
      </c>
      <c r="M59" s="140">
        <v>90</v>
      </c>
      <c r="N59" s="141">
        <v>0.10579323769624646</v>
      </c>
      <c r="O59" s="141">
        <v>-1.167687595712098</v>
      </c>
      <c r="P59" s="141">
        <v>0.30028375437339871</v>
      </c>
      <c r="Q59" s="143">
        <v>0.31414709064888824</v>
      </c>
      <c r="R59" s="144">
        <v>13.2</v>
      </c>
      <c r="S59" s="144">
        <v>62.2</v>
      </c>
      <c r="T59" s="145">
        <v>24.6</v>
      </c>
      <c r="U59" s="150">
        <v>46.36</v>
      </c>
      <c r="V59" s="147">
        <v>185.5</v>
      </c>
      <c r="W59" s="146"/>
    </row>
    <row r="60" spans="1:23" ht="12.75" customHeight="1">
      <c r="A60" s="173" t="s">
        <v>376</v>
      </c>
      <c r="B60" s="140">
        <v>81653</v>
      </c>
      <c r="C60" s="140">
        <v>8674</v>
      </c>
      <c r="D60" s="140">
        <v>48683</v>
      </c>
      <c r="E60" s="866">
        <v>22482</v>
      </c>
      <c r="F60" s="163">
        <v>81810</v>
      </c>
      <c r="G60" s="140">
        <v>8972</v>
      </c>
      <c r="H60" s="140">
        <v>48545</v>
      </c>
      <c r="I60" s="866">
        <v>22479</v>
      </c>
      <c r="J60" s="139">
        <v>-157</v>
      </c>
      <c r="K60" s="140">
        <v>-298</v>
      </c>
      <c r="L60" s="140">
        <v>138</v>
      </c>
      <c r="M60" s="140">
        <v>3</v>
      </c>
      <c r="N60" s="141">
        <v>-0.19190807969685858</v>
      </c>
      <c r="O60" s="141">
        <v>-3.3214444939812751</v>
      </c>
      <c r="P60" s="141">
        <v>0.28427232464723451</v>
      </c>
      <c r="Q60" s="143">
        <v>1.3345789403443215E-2</v>
      </c>
      <c r="R60" s="144">
        <v>10.9</v>
      </c>
      <c r="S60" s="144">
        <v>61</v>
      </c>
      <c r="T60" s="145">
        <v>28.2</v>
      </c>
      <c r="U60" s="150">
        <v>47.61</v>
      </c>
      <c r="V60" s="147">
        <v>259.2</v>
      </c>
      <c r="W60" s="146"/>
    </row>
    <row r="61" spans="1:23" ht="12.75" customHeight="1">
      <c r="A61" s="173" t="s">
        <v>377</v>
      </c>
      <c r="B61" s="140">
        <v>51160</v>
      </c>
      <c r="C61" s="140">
        <v>5621</v>
      </c>
      <c r="D61" s="140">
        <v>32431</v>
      </c>
      <c r="E61" s="866">
        <v>12209</v>
      </c>
      <c r="F61" s="163">
        <v>51115</v>
      </c>
      <c r="G61" s="140">
        <v>5729</v>
      </c>
      <c r="H61" s="140">
        <v>32243</v>
      </c>
      <c r="I61" s="866">
        <v>12244</v>
      </c>
      <c r="J61" s="139">
        <v>45</v>
      </c>
      <c r="K61" s="140">
        <v>-108</v>
      </c>
      <c r="L61" s="140">
        <v>188</v>
      </c>
      <c r="M61" s="140">
        <v>-35</v>
      </c>
      <c r="N61" s="141">
        <v>8.8036779810231836E-2</v>
      </c>
      <c r="O61" s="141">
        <v>-1.8851457496945365</v>
      </c>
      <c r="P61" s="141">
        <v>0.58307229476165379</v>
      </c>
      <c r="Q61" s="143">
        <v>-0.28585429598170531</v>
      </c>
      <c r="R61" s="144">
        <v>11.2</v>
      </c>
      <c r="S61" s="144">
        <v>64.5</v>
      </c>
      <c r="T61" s="145">
        <v>24.3</v>
      </c>
      <c r="U61" s="150">
        <v>46.02</v>
      </c>
      <c r="V61" s="147">
        <v>217.2</v>
      </c>
      <c r="W61" s="146"/>
    </row>
    <row r="62" spans="1:23" ht="12.75" customHeight="1">
      <c r="A62" s="173" t="s">
        <v>378</v>
      </c>
      <c r="B62" s="140">
        <v>24620</v>
      </c>
      <c r="C62" s="140">
        <v>3146</v>
      </c>
      <c r="D62" s="140">
        <v>15048</v>
      </c>
      <c r="E62" s="866">
        <v>6097</v>
      </c>
      <c r="F62" s="163">
        <v>24595</v>
      </c>
      <c r="G62" s="140">
        <v>3173</v>
      </c>
      <c r="H62" s="140">
        <v>14984</v>
      </c>
      <c r="I62" s="866">
        <v>6109</v>
      </c>
      <c r="J62" s="139">
        <v>25</v>
      </c>
      <c r="K62" s="140">
        <v>-27</v>
      </c>
      <c r="L62" s="140">
        <v>64</v>
      </c>
      <c r="M62" s="140">
        <v>-12</v>
      </c>
      <c r="N62" s="141">
        <v>0.10164667615368977</v>
      </c>
      <c r="O62" s="141">
        <v>-0.85092971950835183</v>
      </c>
      <c r="P62" s="141">
        <v>0.42712226374799783</v>
      </c>
      <c r="Q62" s="143">
        <v>-0.19643149451628747</v>
      </c>
      <c r="R62" s="144">
        <v>13</v>
      </c>
      <c r="S62" s="144">
        <v>61.9</v>
      </c>
      <c r="T62" s="145">
        <v>25.1</v>
      </c>
      <c r="U62" s="150">
        <v>46.02</v>
      </c>
      <c r="V62" s="147">
        <v>193.8</v>
      </c>
      <c r="W62" s="146"/>
    </row>
    <row r="63" spans="1:23" ht="12.75" customHeight="1">
      <c r="A63" s="173" t="s">
        <v>379</v>
      </c>
      <c r="B63" s="140">
        <v>15205</v>
      </c>
      <c r="C63" s="140">
        <v>1725</v>
      </c>
      <c r="D63" s="140">
        <v>8609</v>
      </c>
      <c r="E63" s="866">
        <v>4857</v>
      </c>
      <c r="F63" s="163">
        <v>15342</v>
      </c>
      <c r="G63" s="140">
        <v>1788</v>
      </c>
      <c r="H63" s="140">
        <v>8642</v>
      </c>
      <c r="I63" s="866">
        <v>4897</v>
      </c>
      <c r="J63" s="139">
        <v>-137</v>
      </c>
      <c r="K63" s="140">
        <v>-63</v>
      </c>
      <c r="L63" s="140">
        <v>-33</v>
      </c>
      <c r="M63" s="140">
        <v>-40</v>
      </c>
      <c r="N63" s="141">
        <v>-0.89297353669664969</v>
      </c>
      <c r="O63" s="141">
        <v>-3.523489932885906</v>
      </c>
      <c r="P63" s="141">
        <v>-0.38185605183985188</v>
      </c>
      <c r="Q63" s="143">
        <v>-0.81682662854809063</v>
      </c>
      <c r="R63" s="144">
        <v>11.4</v>
      </c>
      <c r="S63" s="144">
        <v>56.7</v>
      </c>
      <c r="T63" s="145">
        <v>32</v>
      </c>
      <c r="U63" s="150">
        <v>50.17</v>
      </c>
      <c r="V63" s="147">
        <v>281.60000000000002</v>
      </c>
      <c r="W63" s="146"/>
    </row>
    <row r="64" spans="1:23" ht="12.75" customHeight="1">
      <c r="A64" s="173" t="s">
        <v>380</v>
      </c>
      <c r="B64" s="140">
        <v>13043</v>
      </c>
      <c r="C64" s="140">
        <v>1385</v>
      </c>
      <c r="D64" s="140">
        <v>7271</v>
      </c>
      <c r="E64" s="866">
        <v>4316</v>
      </c>
      <c r="F64" s="163">
        <v>13162</v>
      </c>
      <c r="G64" s="140">
        <v>1420</v>
      </c>
      <c r="H64" s="140">
        <v>7326</v>
      </c>
      <c r="I64" s="866">
        <v>4345</v>
      </c>
      <c r="J64" s="139">
        <v>-119</v>
      </c>
      <c r="K64" s="140">
        <v>-35</v>
      </c>
      <c r="L64" s="140">
        <v>-55</v>
      </c>
      <c r="M64" s="140">
        <v>-29</v>
      </c>
      <c r="N64" s="141">
        <v>-0.90411791521045437</v>
      </c>
      <c r="O64" s="141">
        <v>-2.464788732394366</v>
      </c>
      <c r="P64" s="141">
        <v>-0.75075075075075071</v>
      </c>
      <c r="Q64" s="143">
        <v>-0.66743383199079409</v>
      </c>
      <c r="R64" s="144">
        <v>10.7</v>
      </c>
      <c r="S64" s="144">
        <v>56.1</v>
      </c>
      <c r="T64" s="145">
        <v>33.299999999999997</v>
      </c>
      <c r="U64" s="150">
        <v>51</v>
      </c>
      <c r="V64" s="147">
        <v>311.60000000000002</v>
      </c>
      <c r="W64" s="146"/>
    </row>
    <row r="65" spans="1:23" ht="9" customHeight="1">
      <c r="A65" s="173"/>
      <c r="B65" s="140"/>
      <c r="C65" s="140"/>
      <c r="D65" s="140"/>
      <c r="E65" s="866"/>
      <c r="F65" s="891"/>
      <c r="G65" s="892"/>
      <c r="H65" s="892"/>
      <c r="I65" s="893"/>
      <c r="J65" s="139"/>
      <c r="K65" s="140"/>
      <c r="L65" s="140"/>
      <c r="M65" s="140"/>
      <c r="N65" s="141"/>
      <c r="O65" s="142"/>
      <c r="P65" s="142"/>
      <c r="Q65" s="143"/>
      <c r="R65" s="144"/>
      <c r="S65" s="144"/>
      <c r="T65" s="145"/>
      <c r="U65" s="150"/>
      <c r="V65" s="147"/>
      <c r="W65" s="146"/>
    </row>
    <row r="66" spans="1:23" ht="12.75" customHeight="1">
      <c r="A66" s="189" t="s">
        <v>381</v>
      </c>
      <c r="B66" s="137">
        <v>160888</v>
      </c>
      <c r="C66" s="137">
        <v>17264</v>
      </c>
      <c r="D66" s="137">
        <v>94236</v>
      </c>
      <c r="E66" s="865">
        <v>47055</v>
      </c>
      <c r="F66" s="890">
        <v>161663</v>
      </c>
      <c r="G66" s="137">
        <v>17657</v>
      </c>
      <c r="H66" s="137">
        <v>94564</v>
      </c>
      <c r="I66" s="865">
        <v>47108</v>
      </c>
      <c r="J66" s="136">
        <v>-775</v>
      </c>
      <c r="K66" s="137">
        <v>-393</v>
      </c>
      <c r="L66" s="137">
        <v>-328</v>
      </c>
      <c r="M66" s="137">
        <v>-53</v>
      </c>
      <c r="N66" s="623">
        <v>-0.47939231611438604</v>
      </c>
      <c r="O66" s="623">
        <v>-2.2257461629948461</v>
      </c>
      <c r="P66" s="623">
        <v>-0.34685503997292838</v>
      </c>
      <c r="Q66" s="624">
        <v>-0.11250742973592597</v>
      </c>
      <c r="R66" s="615">
        <v>10.9</v>
      </c>
      <c r="S66" s="615">
        <v>59.4</v>
      </c>
      <c r="T66" s="616">
        <v>29.7</v>
      </c>
      <c r="U66" s="625">
        <v>49.01</v>
      </c>
      <c r="V66" s="626">
        <v>272.60000000000002</v>
      </c>
      <c r="W66" s="138"/>
    </row>
    <row r="67" spans="1:23" ht="12.75" customHeight="1">
      <c r="A67" s="173" t="s">
        <v>382</v>
      </c>
      <c r="B67" s="140">
        <v>90525</v>
      </c>
      <c r="C67" s="140">
        <v>10237</v>
      </c>
      <c r="D67" s="140">
        <v>54137</v>
      </c>
      <c r="E67" s="866">
        <v>24801</v>
      </c>
      <c r="F67" s="163">
        <v>90838</v>
      </c>
      <c r="G67" s="140">
        <v>10404</v>
      </c>
      <c r="H67" s="140">
        <v>54292</v>
      </c>
      <c r="I67" s="866">
        <v>24792</v>
      </c>
      <c r="J67" s="139">
        <v>-313</v>
      </c>
      <c r="K67" s="140">
        <v>-167</v>
      </c>
      <c r="L67" s="140">
        <v>-155</v>
      </c>
      <c r="M67" s="140">
        <v>9</v>
      </c>
      <c r="N67" s="141">
        <v>-0.34456945331249034</v>
      </c>
      <c r="O67" s="141">
        <v>-1.6051518646674356</v>
      </c>
      <c r="P67" s="141">
        <v>-0.28549325867531128</v>
      </c>
      <c r="Q67" s="143">
        <v>3.630203291384318E-2</v>
      </c>
      <c r="R67" s="144">
        <v>11.5</v>
      </c>
      <c r="S67" s="144">
        <v>60.7</v>
      </c>
      <c r="T67" s="145">
        <v>27.8</v>
      </c>
      <c r="U67" s="150">
        <v>48.11</v>
      </c>
      <c r="V67" s="147">
        <v>242.3</v>
      </c>
      <c r="W67" s="146"/>
    </row>
    <row r="68" spans="1:23" ht="12.75" customHeight="1">
      <c r="A68" s="173" t="s">
        <v>383</v>
      </c>
      <c r="B68" s="140">
        <v>19641</v>
      </c>
      <c r="C68" s="140">
        <v>2110</v>
      </c>
      <c r="D68" s="140">
        <v>11353</v>
      </c>
      <c r="E68" s="866">
        <v>5977</v>
      </c>
      <c r="F68" s="163">
        <v>19732</v>
      </c>
      <c r="G68" s="140">
        <v>2174</v>
      </c>
      <c r="H68" s="140">
        <v>11361</v>
      </c>
      <c r="I68" s="866">
        <v>5996</v>
      </c>
      <c r="J68" s="139">
        <v>-91</v>
      </c>
      <c r="K68" s="140">
        <v>-64</v>
      </c>
      <c r="L68" s="140">
        <v>-8</v>
      </c>
      <c r="M68" s="140">
        <v>-19</v>
      </c>
      <c r="N68" s="141">
        <v>-0.46117980944658427</v>
      </c>
      <c r="O68" s="141">
        <v>-2.9438822447102115</v>
      </c>
      <c r="P68" s="141">
        <v>-7.041633659008889E-2</v>
      </c>
      <c r="Q68" s="143">
        <v>-0.31687791861240827</v>
      </c>
      <c r="R68" s="144">
        <v>10.9</v>
      </c>
      <c r="S68" s="144">
        <v>58.4</v>
      </c>
      <c r="T68" s="145">
        <v>30.7</v>
      </c>
      <c r="U68" s="150">
        <v>49.53</v>
      </c>
      <c r="V68" s="147">
        <v>283.3</v>
      </c>
      <c r="W68" s="146"/>
    </row>
    <row r="69" spans="1:23" ht="12.75" customHeight="1">
      <c r="A69" s="173" t="s">
        <v>384</v>
      </c>
      <c r="B69" s="140">
        <v>4525</v>
      </c>
      <c r="C69" s="140">
        <v>377</v>
      </c>
      <c r="D69" s="140">
        <v>2439</v>
      </c>
      <c r="E69" s="866">
        <v>1506</v>
      </c>
      <c r="F69" s="163">
        <v>4544</v>
      </c>
      <c r="G69" s="140">
        <v>396</v>
      </c>
      <c r="H69" s="140">
        <v>2448</v>
      </c>
      <c r="I69" s="866">
        <v>1497</v>
      </c>
      <c r="J69" s="139">
        <v>-19</v>
      </c>
      <c r="K69" s="140">
        <v>-19</v>
      </c>
      <c r="L69" s="140">
        <v>-9</v>
      </c>
      <c r="M69" s="140">
        <v>9</v>
      </c>
      <c r="N69" s="141">
        <v>-0.41813380281690138</v>
      </c>
      <c r="O69" s="141">
        <v>-4.7979797979797976</v>
      </c>
      <c r="P69" s="141">
        <v>-0.36764705882352938</v>
      </c>
      <c r="Q69" s="143">
        <v>0.60120240480961928</v>
      </c>
      <c r="R69" s="144">
        <v>8.6999999999999993</v>
      </c>
      <c r="S69" s="144">
        <v>56.4</v>
      </c>
      <c r="T69" s="145">
        <v>34.799999999999997</v>
      </c>
      <c r="U69" s="150">
        <v>51.01</v>
      </c>
      <c r="V69" s="147">
        <v>399.5</v>
      </c>
      <c r="W69" s="146"/>
    </row>
    <row r="70" spans="1:23" ht="12.75" customHeight="1">
      <c r="A70" s="173" t="s">
        <v>385</v>
      </c>
      <c r="B70" s="140">
        <v>8458</v>
      </c>
      <c r="C70" s="140">
        <v>967</v>
      </c>
      <c r="D70" s="140">
        <v>5209</v>
      </c>
      <c r="E70" s="866">
        <v>2237</v>
      </c>
      <c r="F70" s="163">
        <v>8431</v>
      </c>
      <c r="G70" s="140">
        <v>982</v>
      </c>
      <c r="H70" s="140">
        <v>5175</v>
      </c>
      <c r="I70" s="866">
        <v>2228</v>
      </c>
      <c r="J70" s="139">
        <v>27</v>
      </c>
      <c r="K70" s="140">
        <v>-15</v>
      </c>
      <c r="L70" s="140">
        <v>34</v>
      </c>
      <c r="M70" s="140">
        <v>9</v>
      </c>
      <c r="N70" s="141">
        <v>0.3202467085754952</v>
      </c>
      <c r="O70" s="141">
        <v>-1.5274949083503055</v>
      </c>
      <c r="P70" s="141">
        <v>0.65700483091787432</v>
      </c>
      <c r="Q70" s="143">
        <v>0.40394973070017948</v>
      </c>
      <c r="R70" s="144">
        <v>11.5</v>
      </c>
      <c r="S70" s="144">
        <v>61.9</v>
      </c>
      <c r="T70" s="145">
        <v>26.6</v>
      </c>
      <c r="U70" s="150">
        <v>47.22</v>
      </c>
      <c r="V70" s="147">
        <v>231.3</v>
      </c>
      <c r="W70" s="146"/>
    </row>
    <row r="71" spans="1:23" ht="12.75" customHeight="1">
      <c r="A71" s="173" t="s">
        <v>386</v>
      </c>
      <c r="B71" s="140">
        <v>5193</v>
      </c>
      <c r="C71" s="140">
        <v>515</v>
      </c>
      <c r="D71" s="140">
        <v>3010</v>
      </c>
      <c r="E71" s="866">
        <v>1589</v>
      </c>
      <c r="F71" s="163">
        <v>5271</v>
      </c>
      <c r="G71" s="140">
        <v>524</v>
      </c>
      <c r="H71" s="140">
        <v>3050</v>
      </c>
      <c r="I71" s="866">
        <v>1618</v>
      </c>
      <c r="J71" s="139">
        <v>-78</v>
      </c>
      <c r="K71" s="140">
        <v>-9</v>
      </c>
      <c r="L71" s="140">
        <v>-40</v>
      </c>
      <c r="M71" s="140">
        <v>-29</v>
      </c>
      <c r="N71" s="141">
        <v>-1.4797951052931131</v>
      </c>
      <c r="O71" s="141">
        <v>-1.717557251908397</v>
      </c>
      <c r="P71" s="141">
        <v>-1.3114754098360655</v>
      </c>
      <c r="Q71" s="143">
        <v>-1.7923362175525339</v>
      </c>
      <c r="R71" s="144">
        <v>10.1</v>
      </c>
      <c r="S71" s="144">
        <v>58.9</v>
      </c>
      <c r="T71" s="145">
        <v>31.1</v>
      </c>
      <c r="U71" s="150">
        <v>49.96</v>
      </c>
      <c r="V71" s="147">
        <v>308.5</v>
      </c>
      <c r="W71" s="146"/>
    </row>
    <row r="72" spans="1:23" ht="12.75" customHeight="1">
      <c r="A72" s="173" t="s">
        <v>387</v>
      </c>
      <c r="B72" s="140">
        <v>4633</v>
      </c>
      <c r="C72" s="140">
        <v>383</v>
      </c>
      <c r="D72" s="140">
        <v>2498</v>
      </c>
      <c r="E72" s="866">
        <v>1736</v>
      </c>
      <c r="F72" s="163">
        <v>4733</v>
      </c>
      <c r="G72" s="140">
        <v>406</v>
      </c>
      <c r="H72" s="140">
        <v>2567</v>
      </c>
      <c r="I72" s="866">
        <v>1744</v>
      </c>
      <c r="J72" s="139">
        <v>-100</v>
      </c>
      <c r="K72" s="140">
        <v>-23</v>
      </c>
      <c r="L72" s="140">
        <v>-69</v>
      </c>
      <c r="M72" s="140">
        <v>-8</v>
      </c>
      <c r="N72" s="141">
        <v>-2.1128248468201987</v>
      </c>
      <c r="O72" s="141">
        <v>-5.6650246305418719</v>
      </c>
      <c r="P72" s="141">
        <v>-2.6879626022594469</v>
      </c>
      <c r="Q72" s="143">
        <v>-0.45871559633027525</v>
      </c>
      <c r="R72" s="144">
        <v>8.3000000000000007</v>
      </c>
      <c r="S72" s="144">
        <v>54.1</v>
      </c>
      <c r="T72" s="145">
        <v>37.6</v>
      </c>
      <c r="U72" s="150">
        <v>52.96</v>
      </c>
      <c r="V72" s="147">
        <v>453.3</v>
      </c>
      <c r="W72" s="146"/>
    </row>
    <row r="73" spans="1:23" ht="12.75" customHeight="1">
      <c r="A73" s="173" t="s">
        <v>388</v>
      </c>
      <c r="B73" s="140">
        <v>9087</v>
      </c>
      <c r="C73" s="140">
        <v>1355</v>
      </c>
      <c r="D73" s="140">
        <v>5557</v>
      </c>
      <c r="E73" s="866">
        <v>2154</v>
      </c>
      <c r="F73" s="163">
        <v>9020</v>
      </c>
      <c r="G73" s="140">
        <v>1390</v>
      </c>
      <c r="H73" s="140">
        <v>5502</v>
      </c>
      <c r="I73" s="866">
        <v>2107</v>
      </c>
      <c r="J73" s="139">
        <v>67</v>
      </c>
      <c r="K73" s="140">
        <v>-35</v>
      </c>
      <c r="L73" s="140">
        <v>55</v>
      </c>
      <c r="M73" s="140">
        <v>47</v>
      </c>
      <c r="N73" s="141">
        <v>0.74279379157427938</v>
      </c>
      <c r="O73" s="141">
        <v>-2.5179856115107913</v>
      </c>
      <c r="P73" s="141">
        <v>0.99963649581970193</v>
      </c>
      <c r="Q73" s="143">
        <v>2.2306597057427622</v>
      </c>
      <c r="R73" s="144">
        <v>14.9</v>
      </c>
      <c r="S73" s="144">
        <v>61.3</v>
      </c>
      <c r="T73" s="145">
        <v>23.8</v>
      </c>
      <c r="U73" s="150">
        <v>45.11</v>
      </c>
      <c r="V73" s="147">
        <v>159</v>
      </c>
      <c r="W73" s="146"/>
    </row>
    <row r="74" spans="1:23" ht="12.75" customHeight="1">
      <c r="A74" s="173" t="s">
        <v>389</v>
      </c>
      <c r="B74" s="140">
        <v>5226</v>
      </c>
      <c r="C74" s="140">
        <v>294</v>
      </c>
      <c r="D74" s="140">
        <v>2911</v>
      </c>
      <c r="E74" s="866">
        <v>1707</v>
      </c>
      <c r="F74" s="163">
        <v>5341</v>
      </c>
      <c r="G74" s="140">
        <v>307</v>
      </c>
      <c r="H74" s="140">
        <v>2966</v>
      </c>
      <c r="I74" s="866">
        <v>1754</v>
      </c>
      <c r="J74" s="139">
        <v>-115</v>
      </c>
      <c r="K74" s="140">
        <v>-13</v>
      </c>
      <c r="L74" s="140">
        <v>-55</v>
      </c>
      <c r="M74" s="140">
        <v>-47</v>
      </c>
      <c r="N74" s="141">
        <v>-2.1531548399176184</v>
      </c>
      <c r="O74" s="141">
        <v>-4.234527687296417</v>
      </c>
      <c r="P74" s="141">
        <v>-1.8543492919757247</v>
      </c>
      <c r="Q74" s="143">
        <v>-2.6795895096921321</v>
      </c>
      <c r="R74" s="144">
        <v>6</v>
      </c>
      <c r="S74" s="144">
        <v>59.3</v>
      </c>
      <c r="T74" s="145">
        <v>34.799999999999997</v>
      </c>
      <c r="U74" s="150">
        <v>51.53</v>
      </c>
      <c r="V74" s="147">
        <v>580.6</v>
      </c>
      <c r="W74" s="146"/>
    </row>
    <row r="75" spans="1:23" ht="12.75" customHeight="1">
      <c r="A75" s="173" t="s">
        <v>390</v>
      </c>
      <c r="B75" s="140">
        <v>3005</v>
      </c>
      <c r="C75" s="140">
        <v>199</v>
      </c>
      <c r="D75" s="140">
        <v>1545</v>
      </c>
      <c r="E75" s="866">
        <v>1257</v>
      </c>
      <c r="F75" s="163">
        <v>3042</v>
      </c>
      <c r="G75" s="140">
        <v>210</v>
      </c>
      <c r="H75" s="140">
        <v>1580</v>
      </c>
      <c r="I75" s="866">
        <v>1248</v>
      </c>
      <c r="J75" s="139">
        <v>-37</v>
      </c>
      <c r="K75" s="140">
        <v>-11</v>
      </c>
      <c r="L75" s="140">
        <v>-35</v>
      </c>
      <c r="M75" s="140">
        <v>9</v>
      </c>
      <c r="N75" s="141">
        <v>-1.2163050624589087</v>
      </c>
      <c r="O75" s="141">
        <v>-5.2380952380952381</v>
      </c>
      <c r="P75" s="141">
        <v>-2.2151898734177213</v>
      </c>
      <c r="Q75" s="143">
        <v>0.72115384615384615</v>
      </c>
      <c r="R75" s="144">
        <v>6.6</v>
      </c>
      <c r="S75" s="144">
        <v>51.5</v>
      </c>
      <c r="T75" s="145">
        <v>41.9</v>
      </c>
      <c r="U75" s="150">
        <v>55.96</v>
      </c>
      <c r="V75" s="147">
        <v>631.70000000000005</v>
      </c>
      <c r="W75" s="146"/>
    </row>
    <row r="76" spans="1:23" ht="12.75" customHeight="1">
      <c r="A76" s="173" t="s">
        <v>391</v>
      </c>
      <c r="B76" s="140">
        <v>10595</v>
      </c>
      <c r="C76" s="140">
        <v>827</v>
      </c>
      <c r="D76" s="140">
        <v>5577</v>
      </c>
      <c r="E76" s="866">
        <v>4091</v>
      </c>
      <c r="F76" s="163">
        <v>10711</v>
      </c>
      <c r="G76" s="140">
        <v>864</v>
      </c>
      <c r="H76" s="140">
        <v>5623</v>
      </c>
      <c r="I76" s="866">
        <v>4124</v>
      </c>
      <c r="J76" s="139">
        <v>-116</v>
      </c>
      <c r="K76" s="140">
        <v>-37</v>
      </c>
      <c r="L76" s="140">
        <v>-46</v>
      </c>
      <c r="M76" s="140">
        <v>-33</v>
      </c>
      <c r="N76" s="141">
        <v>-1.0829987862944637</v>
      </c>
      <c r="O76" s="141">
        <v>-4.2824074074074074</v>
      </c>
      <c r="P76" s="141">
        <v>-0.81806864662991285</v>
      </c>
      <c r="Q76" s="143">
        <v>-0.80019398642095052</v>
      </c>
      <c r="R76" s="144">
        <v>7.9</v>
      </c>
      <c r="S76" s="144">
        <v>53.1</v>
      </c>
      <c r="T76" s="145">
        <v>39</v>
      </c>
      <c r="U76" s="150">
        <v>54.24</v>
      </c>
      <c r="V76" s="147">
        <v>494.7</v>
      </c>
      <c r="W76" s="146"/>
    </row>
    <row r="77" spans="1:23" ht="12.6" customHeight="1" thickBot="1">
      <c r="A77" s="153"/>
      <c r="B77" s="154"/>
      <c r="C77" s="154"/>
      <c r="D77" s="154"/>
      <c r="E77" s="155"/>
      <c r="F77" s="174"/>
      <c r="G77" s="175"/>
      <c r="H77" s="175"/>
      <c r="I77" s="868"/>
      <c r="J77" s="156"/>
      <c r="K77" s="154"/>
      <c r="L77" s="154"/>
      <c r="M77" s="154"/>
      <c r="N77" s="157"/>
      <c r="O77" s="158"/>
      <c r="P77" s="158"/>
      <c r="Q77" s="159"/>
      <c r="R77" s="158"/>
      <c r="S77" s="158"/>
      <c r="T77" s="159"/>
      <c r="U77" s="160"/>
      <c r="V77" s="161"/>
      <c r="W77" s="146"/>
    </row>
    <row r="78" spans="1:23" s="167" customFormat="1" ht="9" customHeight="1" thickTop="1">
      <c r="A78" s="162"/>
      <c r="B78" s="163"/>
      <c r="C78" s="163"/>
      <c r="D78" s="163"/>
      <c r="E78" s="163"/>
      <c r="F78" s="163"/>
      <c r="G78" s="163"/>
      <c r="H78" s="163"/>
      <c r="I78" s="163"/>
      <c r="J78" s="163"/>
      <c r="K78" s="163"/>
      <c r="L78" s="164"/>
      <c r="M78" s="165"/>
      <c r="N78" s="165"/>
      <c r="O78" s="165"/>
      <c r="P78" s="165"/>
      <c r="Q78" s="165"/>
      <c r="R78" s="165"/>
      <c r="S78" s="166"/>
      <c r="T78" s="165"/>
      <c r="U78" s="165"/>
    </row>
    <row r="79" spans="1:23" s="167" customFormat="1" ht="15.95" customHeight="1">
      <c r="A79" s="168" t="s">
        <v>86</v>
      </c>
      <c r="B79" s="169"/>
      <c r="C79" s="169"/>
      <c r="D79" s="169"/>
      <c r="E79" s="169"/>
      <c r="F79" s="169"/>
      <c r="G79" s="169"/>
      <c r="H79" s="169"/>
      <c r="I79" s="169"/>
      <c r="J79" s="169"/>
      <c r="K79" s="169"/>
      <c r="L79" s="170"/>
      <c r="M79" s="170"/>
      <c r="N79" s="170"/>
      <c r="O79" s="170"/>
      <c r="P79" s="170"/>
      <c r="Q79" s="170"/>
      <c r="R79" s="170"/>
      <c r="S79" s="170"/>
      <c r="T79" s="170"/>
      <c r="U79" s="170"/>
    </row>
    <row r="80" spans="1:23" s="167" customFormat="1" ht="14.25">
      <c r="A80" s="168" t="s">
        <v>87</v>
      </c>
      <c r="B80" s="169"/>
      <c r="C80" s="169"/>
      <c r="D80" s="169"/>
      <c r="E80" s="169"/>
      <c r="F80" s="169"/>
      <c r="G80" s="169"/>
      <c r="H80" s="169"/>
      <c r="I80" s="169"/>
      <c r="J80" s="169"/>
      <c r="K80" s="169"/>
      <c r="L80" s="170"/>
      <c r="M80" s="171"/>
      <c r="N80" s="171"/>
      <c r="O80" s="171"/>
      <c r="P80" s="171"/>
      <c r="Q80" s="171"/>
      <c r="R80" s="171"/>
      <c r="S80" s="171"/>
      <c r="T80" s="171"/>
      <c r="U80" s="170"/>
    </row>
    <row r="81" spans="14:24" s="176" customFormat="1">
      <c r="N81" s="130"/>
      <c r="O81" s="130"/>
      <c r="P81" s="130"/>
      <c r="Q81" s="130"/>
      <c r="R81" s="130"/>
      <c r="S81" s="130"/>
      <c r="T81" s="130"/>
      <c r="U81" s="130"/>
      <c r="V81" s="130"/>
      <c r="W81" s="130"/>
      <c r="X81" s="79"/>
    </row>
    <row r="82" spans="14:24" s="176" customFormat="1">
      <c r="N82" s="130"/>
      <c r="O82" s="130"/>
      <c r="P82" s="130"/>
      <c r="Q82" s="130"/>
      <c r="R82" s="130"/>
      <c r="S82" s="130"/>
      <c r="T82" s="130"/>
      <c r="U82" s="130"/>
      <c r="V82" s="130"/>
      <c r="W82" s="130"/>
      <c r="X82" s="79"/>
    </row>
    <row r="83" spans="14:24" s="176" customFormat="1">
      <c r="N83" s="130"/>
      <c r="O83" s="130"/>
      <c r="P83" s="130"/>
      <c r="Q83" s="130"/>
      <c r="R83" s="130"/>
      <c r="S83" s="130"/>
      <c r="T83" s="130"/>
      <c r="U83" s="130"/>
      <c r="V83" s="130"/>
      <c r="W83" s="130"/>
      <c r="X83" s="79"/>
    </row>
    <row r="84" spans="14:24" s="176" customFormat="1">
      <c r="N84" s="130"/>
      <c r="O84" s="130"/>
      <c r="P84" s="130"/>
      <c r="Q84" s="130"/>
      <c r="R84" s="130"/>
      <c r="S84" s="130"/>
      <c r="T84" s="130"/>
      <c r="U84" s="130"/>
      <c r="V84" s="130"/>
      <c r="W84" s="130"/>
      <c r="X84" s="79"/>
    </row>
    <row r="85" spans="14:24" s="176" customFormat="1">
      <c r="N85" s="130"/>
      <c r="O85" s="130"/>
      <c r="P85" s="130"/>
      <c r="Q85" s="130"/>
      <c r="R85" s="130"/>
      <c r="S85" s="130"/>
      <c r="T85" s="130"/>
      <c r="U85" s="130"/>
      <c r="V85" s="130"/>
      <c r="W85" s="130"/>
      <c r="X85" s="79"/>
    </row>
    <row r="86" spans="14:24" s="176" customFormat="1">
      <c r="N86" s="130"/>
      <c r="O86" s="130"/>
      <c r="P86" s="130"/>
      <c r="Q86" s="130"/>
      <c r="R86" s="130"/>
      <c r="S86" s="130"/>
      <c r="T86" s="130"/>
      <c r="U86" s="130"/>
      <c r="V86" s="130"/>
      <c r="W86" s="130"/>
      <c r="X86" s="79"/>
    </row>
    <row r="87" spans="14:24" s="176" customFormat="1">
      <c r="N87" s="130"/>
      <c r="O87" s="130"/>
      <c r="P87" s="130"/>
      <c r="Q87" s="130"/>
      <c r="R87" s="130"/>
      <c r="S87" s="130"/>
      <c r="T87" s="130"/>
      <c r="U87" s="130"/>
      <c r="V87" s="130"/>
      <c r="W87" s="130"/>
      <c r="X87" s="79"/>
    </row>
    <row r="88" spans="14:24" s="176" customFormat="1">
      <c r="N88" s="130"/>
      <c r="O88" s="130"/>
      <c r="P88" s="130"/>
      <c r="Q88" s="130"/>
      <c r="R88" s="130"/>
      <c r="S88" s="130"/>
      <c r="T88" s="130"/>
      <c r="U88" s="130"/>
      <c r="V88" s="130"/>
      <c r="W88" s="130"/>
      <c r="X88" s="79"/>
    </row>
    <row r="89" spans="14:24" s="176" customFormat="1">
      <c r="N89" s="130"/>
      <c r="O89" s="130"/>
      <c r="P89" s="130"/>
      <c r="Q89" s="130"/>
      <c r="R89" s="130"/>
      <c r="S89" s="130"/>
      <c r="T89" s="130"/>
      <c r="U89" s="130"/>
      <c r="V89" s="130"/>
      <c r="W89" s="130"/>
      <c r="X89" s="79"/>
    </row>
    <row r="90" spans="14:24" s="176" customFormat="1">
      <c r="N90" s="130"/>
      <c r="O90" s="130"/>
      <c r="P90" s="130"/>
      <c r="Q90" s="130"/>
      <c r="R90" s="130"/>
      <c r="S90" s="130"/>
      <c r="T90" s="130"/>
      <c r="U90" s="130"/>
      <c r="V90" s="130"/>
      <c r="W90" s="130"/>
      <c r="X90" s="79"/>
    </row>
    <row r="91" spans="14:24" s="176" customFormat="1">
      <c r="N91" s="130"/>
      <c r="O91" s="130"/>
      <c r="P91" s="130"/>
      <c r="Q91" s="130"/>
      <c r="R91" s="130"/>
      <c r="S91" s="130"/>
      <c r="T91" s="130"/>
      <c r="U91" s="130"/>
      <c r="V91" s="130"/>
      <c r="W91" s="130"/>
      <c r="X91" s="79"/>
    </row>
    <row r="92" spans="14:24" s="176" customFormat="1">
      <c r="N92" s="130"/>
      <c r="O92" s="130"/>
      <c r="P92" s="130"/>
      <c r="Q92" s="130"/>
      <c r="R92" s="130"/>
      <c r="S92" s="130"/>
      <c r="T92" s="130"/>
      <c r="U92" s="130"/>
      <c r="V92" s="130"/>
      <c r="W92" s="130"/>
      <c r="X92" s="79"/>
    </row>
    <row r="93" spans="14:24" s="176" customFormat="1">
      <c r="N93" s="130"/>
      <c r="O93" s="130"/>
      <c r="P93" s="130"/>
      <c r="Q93" s="130"/>
      <c r="R93" s="130"/>
      <c r="S93" s="130"/>
      <c r="T93" s="130"/>
      <c r="U93" s="130"/>
      <c r="V93" s="130"/>
      <c r="W93" s="130"/>
      <c r="X93" s="79"/>
    </row>
    <row r="94" spans="14:24" s="176" customFormat="1">
      <c r="N94" s="130"/>
      <c r="O94" s="130"/>
      <c r="P94" s="130"/>
      <c r="Q94" s="130"/>
      <c r="R94" s="130"/>
      <c r="S94" s="130"/>
      <c r="T94" s="130"/>
      <c r="U94" s="130"/>
      <c r="V94" s="130"/>
      <c r="W94" s="130"/>
      <c r="X94" s="79"/>
    </row>
    <row r="95" spans="14:24" s="176" customFormat="1">
      <c r="N95" s="130"/>
      <c r="O95" s="130"/>
      <c r="P95" s="130"/>
      <c r="Q95" s="130"/>
      <c r="R95" s="130"/>
      <c r="S95" s="130"/>
      <c r="T95" s="130"/>
      <c r="U95" s="130"/>
      <c r="V95" s="130"/>
      <c r="W95" s="130"/>
      <c r="X95" s="79"/>
    </row>
    <row r="96" spans="14:24" s="176" customFormat="1">
      <c r="N96" s="130"/>
      <c r="O96" s="130"/>
      <c r="P96" s="130"/>
      <c r="Q96" s="130"/>
      <c r="R96" s="130"/>
      <c r="S96" s="130"/>
      <c r="T96" s="130"/>
      <c r="U96" s="130"/>
      <c r="V96" s="130"/>
      <c r="W96" s="130"/>
      <c r="X96" s="79"/>
    </row>
    <row r="97" spans="14:24" s="176" customFormat="1">
      <c r="N97" s="130"/>
      <c r="O97" s="130"/>
      <c r="P97" s="130"/>
      <c r="Q97" s="130"/>
      <c r="R97" s="130"/>
      <c r="S97" s="130"/>
      <c r="T97" s="130"/>
      <c r="U97" s="130"/>
      <c r="V97" s="130"/>
      <c r="W97" s="130"/>
      <c r="X97" s="79"/>
    </row>
    <row r="98" spans="14:24" s="176" customFormat="1">
      <c r="N98" s="130"/>
      <c r="O98" s="130"/>
      <c r="P98" s="130"/>
      <c r="Q98" s="130"/>
      <c r="R98" s="130"/>
      <c r="S98" s="130"/>
      <c r="T98" s="130"/>
      <c r="U98" s="130"/>
      <c r="V98" s="130"/>
      <c r="W98" s="130"/>
      <c r="X98" s="79"/>
    </row>
    <row r="99" spans="14:24" s="176" customFormat="1">
      <c r="N99" s="130"/>
      <c r="O99" s="130"/>
      <c r="P99" s="130"/>
      <c r="Q99" s="130"/>
      <c r="R99" s="130"/>
      <c r="S99" s="130"/>
      <c r="T99" s="130"/>
      <c r="U99" s="130"/>
      <c r="V99" s="130"/>
      <c r="W99" s="130"/>
      <c r="X99" s="79"/>
    </row>
    <row r="100" spans="14:24" s="176" customFormat="1">
      <c r="N100" s="130"/>
      <c r="O100" s="130"/>
      <c r="P100" s="130"/>
      <c r="Q100" s="130"/>
      <c r="R100" s="130"/>
      <c r="S100" s="130"/>
      <c r="T100" s="130"/>
      <c r="U100" s="130"/>
      <c r="V100" s="130"/>
      <c r="W100" s="130"/>
      <c r="X100" s="79"/>
    </row>
    <row r="101" spans="14:24" s="176" customFormat="1">
      <c r="N101" s="130"/>
      <c r="O101" s="130"/>
      <c r="P101" s="130"/>
      <c r="Q101" s="130"/>
      <c r="R101" s="130"/>
      <c r="S101" s="130"/>
      <c r="T101" s="130"/>
      <c r="U101" s="130"/>
      <c r="V101" s="130"/>
      <c r="W101" s="130"/>
      <c r="X101" s="79"/>
    </row>
    <row r="102" spans="14:24" s="176" customFormat="1">
      <c r="N102" s="130"/>
      <c r="O102" s="130"/>
      <c r="P102" s="130"/>
      <c r="Q102" s="130"/>
      <c r="R102" s="130"/>
      <c r="S102" s="130"/>
      <c r="T102" s="130"/>
      <c r="U102" s="130"/>
      <c r="V102" s="130"/>
      <c r="W102" s="130"/>
      <c r="X102" s="79"/>
    </row>
    <row r="103" spans="14:24" s="176" customFormat="1">
      <c r="N103" s="130"/>
      <c r="O103" s="130"/>
      <c r="P103" s="130"/>
      <c r="Q103" s="130"/>
      <c r="R103" s="130"/>
      <c r="S103" s="130"/>
      <c r="T103" s="130"/>
      <c r="U103" s="130"/>
      <c r="V103" s="130"/>
      <c r="W103" s="130"/>
      <c r="X103" s="79"/>
    </row>
    <row r="104" spans="14:24" s="176" customFormat="1">
      <c r="N104" s="130"/>
      <c r="O104" s="130"/>
      <c r="P104" s="130"/>
      <c r="Q104" s="130"/>
      <c r="R104" s="130"/>
      <c r="S104" s="130"/>
      <c r="T104" s="130"/>
      <c r="U104" s="130"/>
      <c r="V104" s="130"/>
      <c r="W104" s="130"/>
      <c r="X104" s="79"/>
    </row>
    <row r="105" spans="14:24" s="176" customFormat="1">
      <c r="N105" s="130"/>
      <c r="O105" s="130"/>
      <c r="P105" s="130"/>
      <c r="Q105" s="130"/>
      <c r="R105" s="130"/>
      <c r="S105" s="130"/>
      <c r="T105" s="130"/>
      <c r="U105" s="130"/>
      <c r="V105" s="130"/>
      <c r="W105" s="130"/>
      <c r="X105" s="79"/>
    </row>
    <row r="106" spans="14:24" s="176" customFormat="1">
      <c r="N106" s="130"/>
      <c r="O106" s="130"/>
      <c r="P106" s="130"/>
      <c r="Q106" s="130"/>
      <c r="R106" s="130"/>
      <c r="S106" s="130"/>
      <c r="T106" s="130"/>
      <c r="U106" s="130"/>
      <c r="V106" s="130"/>
      <c r="W106" s="130"/>
      <c r="X106" s="79"/>
    </row>
    <row r="107" spans="14:24" s="176" customFormat="1">
      <c r="N107" s="130"/>
      <c r="O107" s="130"/>
      <c r="P107" s="130"/>
      <c r="Q107" s="130"/>
      <c r="R107" s="130"/>
      <c r="S107" s="130"/>
      <c r="T107" s="130"/>
      <c r="U107" s="130"/>
      <c r="V107" s="130"/>
      <c r="W107" s="130"/>
      <c r="X107" s="79"/>
    </row>
    <row r="108" spans="14:24" s="176" customFormat="1">
      <c r="N108" s="130"/>
      <c r="O108" s="130"/>
      <c r="P108" s="130"/>
      <c r="Q108" s="130"/>
      <c r="R108" s="130"/>
      <c r="S108" s="130"/>
      <c r="T108" s="130"/>
      <c r="U108" s="130"/>
      <c r="V108" s="130"/>
      <c r="W108" s="130"/>
      <c r="X108" s="79"/>
    </row>
    <row r="109" spans="14:24" s="176" customFormat="1">
      <c r="N109" s="130"/>
      <c r="O109" s="130"/>
      <c r="P109" s="130"/>
      <c r="Q109" s="130"/>
      <c r="R109" s="130"/>
      <c r="S109" s="130"/>
      <c r="T109" s="130"/>
      <c r="U109" s="130"/>
      <c r="V109" s="130"/>
      <c r="W109" s="130"/>
      <c r="X109" s="79"/>
    </row>
    <row r="110" spans="14:24" s="176" customFormat="1">
      <c r="N110" s="130"/>
      <c r="O110" s="130"/>
      <c r="P110" s="130"/>
      <c r="Q110" s="130"/>
      <c r="R110" s="130"/>
      <c r="S110" s="130"/>
      <c r="T110" s="130"/>
      <c r="U110" s="130"/>
      <c r="V110" s="130"/>
      <c r="W110" s="130"/>
      <c r="X110" s="79"/>
    </row>
    <row r="111" spans="14:24" s="176" customFormat="1">
      <c r="N111" s="130"/>
      <c r="O111" s="130"/>
      <c r="P111" s="130"/>
      <c r="Q111" s="130"/>
      <c r="R111" s="130"/>
      <c r="S111" s="130"/>
      <c r="T111" s="130"/>
      <c r="U111" s="130"/>
      <c r="V111" s="130"/>
      <c r="W111" s="130"/>
      <c r="X111" s="79"/>
    </row>
    <row r="112" spans="14:24" s="176" customFormat="1">
      <c r="N112" s="130"/>
      <c r="O112" s="130"/>
      <c r="P112" s="130"/>
      <c r="Q112" s="130"/>
      <c r="R112" s="130"/>
      <c r="S112" s="130"/>
      <c r="T112" s="130"/>
      <c r="U112" s="130"/>
      <c r="V112" s="130"/>
      <c r="W112" s="130"/>
      <c r="X112" s="79"/>
    </row>
    <row r="113" spans="14:24" s="176" customFormat="1">
      <c r="N113" s="130"/>
      <c r="O113" s="130"/>
      <c r="P113" s="130"/>
      <c r="Q113" s="130"/>
      <c r="R113" s="130"/>
      <c r="S113" s="130"/>
      <c r="T113" s="130"/>
      <c r="U113" s="130"/>
      <c r="V113" s="130"/>
      <c r="W113" s="130"/>
      <c r="X113" s="79"/>
    </row>
    <row r="114" spans="14:24" s="176" customFormat="1">
      <c r="N114" s="130"/>
      <c r="O114" s="130"/>
      <c r="P114" s="130"/>
      <c r="Q114" s="130"/>
      <c r="R114" s="130"/>
      <c r="S114" s="130"/>
      <c r="T114" s="130"/>
      <c r="U114" s="130"/>
      <c r="V114" s="130"/>
      <c r="W114" s="130"/>
      <c r="X114" s="79"/>
    </row>
    <row r="115" spans="14:24" s="176" customFormat="1">
      <c r="N115" s="130"/>
      <c r="O115" s="130"/>
      <c r="P115" s="130"/>
      <c r="Q115" s="130"/>
      <c r="R115" s="130"/>
      <c r="S115" s="130"/>
      <c r="T115" s="130"/>
      <c r="U115" s="130"/>
      <c r="V115" s="130"/>
      <c r="W115" s="130"/>
      <c r="X115" s="79"/>
    </row>
    <row r="116" spans="14:24" s="176" customFormat="1">
      <c r="N116" s="130"/>
      <c r="O116" s="130"/>
      <c r="P116" s="130"/>
      <c r="Q116" s="130"/>
      <c r="R116" s="130"/>
      <c r="S116" s="130"/>
      <c r="T116" s="130"/>
      <c r="U116" s="130"/>
      <c r="V116" s="130"/>
      <c r="W116" s="130"/>
      <c r="X116" s="79"/>
    </row>
    <row r="117" spans="14:24" s="176" customFormat="1">
      <c r="N117" s="130"/>
      <c r="O117" s="130"/>
      <c r="P117" s="130"/>
      <c r="Q117" s="130"/>
      <c r="R117" s="130"/>
      <c r="S117" s="130"/>
      <c r="T117" s="130"/>
      <c r="U117" s="130"/>
      <c r="V117" s="130"/>
      <c r="W117" s="130"/>
      <c r="X117" s="79"/>
    </row>
    <row r="118" spans="14:24" s="176" customFormat="1">
      <c r="N118" s="130"/>
      <c r="O118" s="130"/>
      <c r="P118" s="130"/>
      <c r="Q118" s="130"/>
      <c r="R118" s="130"/>
      <c r="S118" s="130"/>
      <c r="T118" s="130"/>
      <c r="U118" s="130"/>
      <c r="V118" s="130"/>
      <c r="W118" s="130"/>
      <c r="X118" s="79"/>
    </row>
    <row r="119" spans="14:24" s="176" customFormat="1">
      <c r="N119" s="130"/>
      <c r="O119" s="130"/>
      <c r="P119" s="130"/>
      <c r="Q119" s="130"/>
      <c r="R119" s="130"/>
      <c r="S119" s="130"/>
      <c r="T119" s="130"/>
      <c r="U119" s="130"/>
      <c r="V119" s="130"/>
      <c r="W119" s="130"/>
      <c r="X119" s="79"/>
    </row>
    <row r="120" spans="14:24" s="176" customFormat="1">
      <c r="N120" s="130"/>
      <c r="O120" s="130"/>
      <c r="P120" s="130"/>
      <c r="Q120" s="130"/>
      <c r="R120" s="130"/>
      <c r="S120" s="130"/>
      <c r="T120" s="130"/>
      <c r="U120" s="130"/>
      <c r="V120" s="130"/>
      <c r="W120" s="130"/>
      <c r="X120" s="79"/>
    </row>
    <row r="121" spans="14:24" s="176" customFormat="1">
      <c r="N121" s="130"/>
      <c r="O121" s="130"/>
      <c r="P121" s="130"/>
      <c r="Q121" s="130"/>
      <c r="R121" s="130"/>
      <c r="S121" s="130"/>
      <c r="T121" s="130"/>
      <c r="U121" s="130"/>
      <c r="V121" s="130"/>
      <c r="W121" s="130"/>
      <c r="X121" s="79"/>
    </row>
    <row r="122" spans="14:24" s="176" customFormat="1">
      <c r="N122" s="130"/>
      <c r="O122" s="130"/>
      <c r="P122" s="130"/>
      <c r="Q122" s="130"/>
      <c r="R122" s="130"/>
      <c r="S122" s="130"/>
      <c r="T122" s="130"/>
      <c r="U122" s="130"/>
      <c r="V122" s="130"/>
      <c r="W122" s="130"/>
      <c r="X122" s="79"/>
    </row>
    <row r="123" spans="14:24" s="176" customFormat="1">
      <c r="N123" s="130"/>
      <c r="O123" s="130"/>
      <c r="P123" s="130"/>
      <c r="Q123" s="130"/>
      <c r="R123" s="130"/>
      <c r="S123" s="130"/>
      <c r="T123" s="130"/>
      <c r="U123" s="130"/>
      <c r="V123" s="130"/>
      <c r="W123" s="130"/>
      <c r="X123" s="79"/>
    </row>
    <row r="124" spans="14:24" s="176" customFormat="1">
      <c r="N124" s="130"/>
      <c r="O124" s="130"/>
      <c r="P124" s="130"/>
      <c r="Q124" s="130"/>
      <c r="R124" s="130"/>
      <c r="S124" s="130"/>
      <c r="T124" s="130"/>
      <c r="U124" s="130"/>
      <c r="V124" s="130"/>
      <c r="W124" s="130"/>
      <c r="X124" s="79"/>
    </row>
    <row r="125" spans="14:24" s="176" customFormat="1">
      <c r="N125" s="130"/>
      <c r="O125" s="130"/>
      <c r="P125" s="130"/>
      <c r="Q125" s="130"/>
      <c r="R125" s="130"/>
      <c r="S125" s="130"/>
      <c r="T125" s="130"/>
      <c r="U125" s="130"/>
      <c r="V125" s="130"/>
      <c r="W125" s="130"/>
      <c r="X125" s="79"/>
    </row>
    <row r="126" spans="14:24" s="176" customFormat="1">
      <c r="N126" s="130"/>
      <c r="O126" s="130"/>
      <c r="P126" s="130"/>
      <c r="Q126" s="130"/>
      <c r="R126" s="130"/>
      <c r="S126" s="130"/>
      <c r="T126" s="130"/>
      <c r="U126" s="130"/>
      <c r="V126" s="130"/>
      <c r="W126" s="130"/>
      <c r="X126" s="79"/>
    </row>
    <row r="127" spans="14:24" s="176" customFormat="1">
      <c r="N127" s="130"/>
      <c r="O127" s="130"/>
      <c r="P127" s="130"/>
      <c r="Q127" s="130"/>
      <c r="R127" s="130"/>
      <c r="S127" s="130"/>
      <c r="T127" s="130"/>
      <c r="U127" s="130"/>
      <c r="V127" s="130"/>
      <c r="W127" s="130"/>
      <c r="X127" s="79"/>
    </row>
    <row r="128" spans="14:24" s="176" customFormat="1">
      <c r="N128" s="130"/>
      <c r="O128" s="130"/>
      <c r="P128" s="130"/>
      <c r="Q128" s="130"/>
      <c r="R128" s="130"/>
      <c r="S128" s="130"/>
      <c r="T128" s="130"/>
      <c r="U128" s="130"/>
      <c r="V128" s="130"/>
      <c r="W128" s="130"/>
      <c r="X128" s="79"/>
    </row>
    <row r="129" spans="14:24" s="176" customFormat="1">
      <c r="N129" s="130"/>
      <c r="O129" s="130"/>
      <c r="P129" s="130"/>
      <c r="Q129" s="130"/>
      <c r="R129" s="130"/>
      <c r="S129" s="130"/>
      <c r="T129" s="130"/>
      <c r="U129" s="130"/>
      <c r="V129" s="130"/>
      <c r="W129" s="130"/>
      <c r="X129" s="79"/>
    </row>
    <row r="130" spans="14:24" s="176" customFormat="1">
      <c r="N130" s="130"/>
      <c r="O130" s="130"/>
      <c r="P130" s="130"/>
      <c r="Q130" s="130"/>
      <c r="R130" s="130"/>
      <c r="S130" s="130"/>
      <c r="T130" s="130"/>
      <c r="U130" s="130"/>
      <c r="V130" s="130"/>
      <c r="W130" s="130"/>
      <c r="X130" s="79"/>
    </row>
    <row r="131" spans="14:24" s="176" customFormat="1">
      <c r="N131" s="130"/>
      <c r="O131" s="130"/>
      <c r="P131" s="130"/>
      <c r="Q131" s="130"/>
      <c r="R131" s="130"/>
      <c r="S131" s="130"/>
      <c r="T131" s="130"/>
      <c r="U131" s="130"/>
      <c r="V131" s="130"/>
      <c r="W131" s="130"/>
      <c r="X131" s="79"/>
    </row>
    <row r="132" spans="14:24" s="176" customFormat="1">
      <c r="N132" s="130"/>
      <c r="O132" s="130"/>
      <c r="P132" s="130"/>
      <c r="Q132" s="130"/>
      <c r="R132" s="130"/>
      <c r="S132" s="130"/>
      <c r="T132" s="130"/>
      <c r="U132" s="130"/>
      <c r="V132" s="130"/>
      <c r="W132" s="130"/>
      <c r="X132" s="79"/>
    </row>
    <row r="133" spans="14:24" s="176" customFormat="1">
      <c r="N133" s="130"/>
      <c r="O133" s="130"/>
      <c r="P133" s="130"/>
      <c r="Q133" s="130"/>
      <c r="R133" s="130"/>
      <c r="S133" s="130"/>
      <c r="T133" s="130"/>
      <c r="U133" s="130"/>
      <c r="V133" s="130"/>
      <c r="W133" s="130"/>
      <c r="X133" s="79"/>
    </row>
    <row r="134" spans="14:24" s="176" customFormat="1">
      <c r="N134" s="130"/>
      <c r="O134" s="130"/>
      <c r="P134" s="130"/>
      <c r="Q134" s="130"/>
      <c r="R134" s="130"/>
      <c r="S134" s="130"/>
      <c r="T134" s="130"/>
      <c r="U134" s="130"/>
      <c r="V134" s="130"/>
      <c r="W134" s="130"/>
      <c r="X134" s="79"/>
    </row>
    <row r="135" spans="14:24" s="176" customFormat="1">
      <c r="N135" s="130"/>
      <c r="O135" s="130"/>
      <c r="P135" s="130"/>
      <c r="Q135" s="130"/>
      <c r="R135" s="130"/>
      <c r="S135" s="130"/>
      <c r="T135" s="130"/>
      <c r="U135" s="130"/>
      <c r="V135" s="130"/>
      <c r="W135" s="130"/>
      <c r="X135" s="79"/>
    </row>
    <row r="136" spans="14:24" s="176" customFormat="1">
      <c r="N136" s="130"/>
      <c r="O136" s="130"/>
      <c r="P136" s="130"/>
      <c r="Q136" s="130"/>
      <c r="R136" s="130"/>
      <c r="S136" s="130"/>
      <c r="T136" s="130"/>
      <c r="U136" s="130"/>
      <c r="V136" s="130"/>
      <c r="W136" s="130"/>
      <c r="X136" s="79"/>
    </row>
    <row r="137" spans="14:24" s="176" customFormat="1">
      <c r="N137" s="130"/>
      <c r="O137" s="130"/>
      <c r="P137" s="130"/>
      <c r="Q137" s="130"/>
      <c r="R137" s="130"/>
      <c r="S137" s="130"/>
      <c r="T137" s="130"/>
      <c r="U137" s="130"/>
      <c r="V137" s="130"/>
      <c r="W137" s="130"/>
      <c r="X137" s="79"/>
    </row>
    <row r="138" spans="14:24" s="176" customFormat="1">
      <c r="N138" s="130"/>
      <c r="O138" s="130"/>
      <c r="P138" s="130"/>
      <c r="Q138" s="130"/>
      <c r="R138" s="130"/>
      <c r="S138" s="130"/>
      <c r="T138" s="130"/>
      <c r="U138" s="130"/>
      <c r="V138" s="130"/>
      <c r="W138" s="130"/>
      <c r="X138" s="79"/>
    </row>
    <row r="139" spans="14:24" s="176" customFormat="1">
      <c r="N139" s="130"/>
      <c r="O139" s="130"/>
      <c r="P139" s="130"/>
      <c r="Q139" s="130"/>
      <c r="R139" s="130"/>
      <c r="S139" s="130"/>
      <c r="T139" s="130"/>
      <c r="U139" s="130"/>
      <c r="V139" s="130"/>
      <c r="W139" s="130"/>
      <c r="X139" s="79"/>
    </row>
    <row r="140" spans="14:24" s="176" customFormat="1">
      <c r="N140" s="130"/>
      <c r="O140" s="130"/>
      <c r="P140" s="130"/>
      <c r="Q140" s="130"/>
      <c r="R140" s="130"/>
      <c r="S140" s="130"/>
      <c r="T140" s="130"/>
      <c r="U140" s="130"/>
      <c r="V140" s="130"/>
      <c r="W140" s="130"/>
      <c r="X140" s="79"/>
    </row>
    <row r="141" spans="14:24" s="176" customFormat="1">
      <c r="N141" s="130"/>
      <c r="O141" s="130"/>
      <c r="P141" s="130"/>
      <c r="Q141" s="130"/>
      <c r="R141" s="130"/>
      <c r="S141" s="130"/>
      <c r="T141" s="130"/>
      <c r="U141" s="130"/>
      <c r="V141" s="130"/>
      <c r="W141" s="130"/>
      <c r="X141" s="79"/>
    </row>
    <row r="142" spans="14:24" s="176" customFormat="1">
      <c r="N142" s="130"/>
      <c r="O142" s="130"/>
      <c r="P142" s="130"/>
      <c r="Q142" s="130"/>
      <c r="R142" s="130"/>
      <c r="S142" s="130"/>
      <c r="T142" s="130"/>
      <c r="U142" s="130"/>
      <c r="V142" s="130"/>
      <c r="W142" s="130"/>
      <c r="X142" s="79"/>
    </row>
    <row r="143" spans="14:24" s="176" customFormat="1">
      <c r="N143" s="130"/>
      <c r="O143" s="130"/>
      <c r="P143" s="130"/>
      <c r="Q143" s="130"/>
      <c r="R143" s="130"/>
      <c r="S143" s="130"/>
      <c r="T143" s="130"/>
      <c r="U143" s="130"/>
      <c r="V143" s="130"/>
      <c r="W143" s="130"/>
      <c r="X143" s="79"/>
    </row>
    <row r="144" spans="14:24" s="176" customFormat="1">
      <c r="N144" s="130"/>
      <c r="O144" s="130"/>
      <c r="P144" s="130"/>
      <c r="Q144" s="130"/>
      <c r="R144" s="130"/>
      <c r="S144" s="130"/>
      <c r="T144" s="130"/>
      <c r="U144" s="130"/>
      <c r="V144" s="130"/>
      <c r="W144" s="130"/>
      <c r="X144" s="79"/>
    </row>
    <row r="145" spans="14:24" s="176" customFormat="1">
      <c r="N145" s="130"/>
      <c r="O145" s="130"/>
      <c r="P145" s="130"/>
      <c r="Q145" s="130"/>
      <c r="R145" s="130"/>
      <c r="S145" s="130"/>
      <c r="T145" s="130"/>
      <c r="U145" s="130"/>
      <c r="V145" s="130"/>
      <c r="W145" s="130"/>
      <c r="X145" s="79"/>
    </row>
    <row r="146" spans="14:24" s="176" customFormat="1">
      <c r="N146" s="130"/>
      <c r="O146" s="130"/>
      <c r="P146" s="130"/>
      <c r="Q146" s="130"/>
      <c r="R146" s="130"/>
      <c r="S146" s="130"/>
      <c r="T146" s="130"/>
      <c r="U146" s="130"/>
      <c r="V146" s="130"/>
      <c r="W146" s="130"/>
      <c r="X146" s="79"/>
    </row>
    <row r="147" spans="14:24" s="176" customFormat="1">
      <c r="N147" s="130"/>
      <c r="O147" s="130"/>
      <c r="P147" s="130"/>
      <c r="Q147" s="130"/>
      <c r="R147" s="130"/>
      <c r="S147" s="130"/>
      <c r="T147" s="130"/>
      <c r="U147" s="130"/>
      <c r="V147" s="130"/>
      <c r="W147" s="130"/>
      <c r="X147" s="79"/>
    </row>
    <row r="148" spans="14:24" s="176" customFormat="1">
      <c r="N148" s="130"/>
      <c r="O148" s="130"/>
      <c r="P148" s="130"/>
      <c r="Q148" s="130"/>
      <c r="R148" s="130"/>
      <c r="S148" s="130"/>
      <c r="T148" s="130"/>
      <c r="U148" s="130"/>
      <c r="V148" s="130"/>
      <c r="W148" s="130"/>
      <c r="X148" s="79"/>
    </row>
    <row r="149" spans="14:24" s="176" customFormat="1">
      <c r="N149" s="130"/>
      <c r="O149" s="130"/>
      <c r="P149" s="130"/>
      <c r="Q149" s="130"/>
      <c r="R149" s="130"/>
      <c r="S149" s="130"/>
      <c r="T149" s="130"/>
      <c r="U149" s="130"/>
      <c r="V149" s="130"/>
      <c r="W149" s="130"/>
      <c r="X149" s="79"/>
    </row>
    <row r="150" spans="14:24" s="176" customFormat="1">
      <c r="N150" s="130"/>
      <c r="O150" s="130"/>
      <c r="P150" s="130"/>
      <c r="Q150" s="130"/>
      <c r="R150" s="130"/>
      <c r="S150" s="130"/>
      <c r="T150" s="130"/>
      <c r="U150" s="130"/>
      <c r="V150" s="130"/>
      <c r="W150" s="130"/>
      <c r="X150" s="79"/>
    </row>
    <row r="151" spans="14:24" s="176" customFormat="1">
      <c r="N151" s="130"/>
      <c r="O151" s="130"/>
      <c r="P151" s="130"/>
      <c r="Q151" s="130"/>
      <c r="R151" s="130"/>
      <c r="S151" s="130"/>
      <c r="T151" s="130"/>
      <c r="U151" s="130"/>
      <c r="V151" s="130"/>
      <c r="W151" s="130"/>
      <c r="X151" s="79"/>
    </row>
    <row r="152" spans="14:24" s="176" customFormat="1">
      <c r="N152" s="130"/>
      <c r="O152" s="130"/>
      <c r="P152" s="130"/>
      <c r="Q152" s="130"/>
      <c r="R152" s="130"/>
      <c r="S152" s="130"/>
      <c r="T152" s="130"/>
      <c r="U152" s="130"/>
      <c r="V152" s="130"/>
      <c r="W152" s="130"/>
      <c r="X152" s="79"/>
    </row>
    <row r="153" spans="14:24" s="176" customFormat="1">
      <c r="N153" s="130"/>
      <c r="O153" s="130"/>
      <c r="P153" s="130"/>
      <c r="Q153" s="130"/>
      <c r="R153" s="130"/>
      <c r="S153" s="130"/>
      <c r="T153" s="130"/>
      <c r="U153" s="130"/>
      <c r="V153" s="130"/>
      <c r="W153" s="130"/>
      <c r="X153" s="79"/>
    </row>
    <row r="154" spans="14:24" s="176" customFormat="1">
      <c r="N154" s="130"/>
      <c r="O154" s="130"/>
      <c r="P154" s="130"/>
      <c r="Q154" s="130"/>
      <c r="R154" s="130"/>
      <c r="S154" s="130"/>
      <c r="T154" s="130"/>
      <c r="U154" s="130"/>
      <c r="V154" s="130"/>
      <c r="W154" s="130"/>
      <c r="X154" s="79"/>
    </row>
    <row r="155" spans="14:24" s="176" customFormat="1">
      <c r="N155" s="130"/>
      <c r="O155" s="130"/>
      <c r="P155" s="130"/>
      <c r="Q155" s="130"/>
      <c r="R155" s="130"/>
      <c r="S155" s="130"/>
      <c r="T155" s="130"/>
      <c r="U155" s="130"/>
      <c r="V155" s="130"/>
      <c r="W155" s="130"/>
      <c r="X155" s="79"/>
    </row>
    <row r="156" spans="14:24" s="176" customFormat="1">
      <c r="N156" s="130"/>
      <c r="O156" s="130"/>
      <c r="P156" s="130"/>
      <c r="Q156" s="130"/>
      <c r="R156" s="130"/>
      <c r="S156" s="130"/>
      <c r="T156" s="130"/>
      <c r="U156" s="130"/>
      <c r="V156" s="130"/>
      <c r="W156" s="130"/>
      <c r="X156" s="79"/>
    </row>
    <row r="157" spans="14:24" s="176" customFormat="1">
      <c r="N157" s="130"/>
      <c r="O157" s="130"/>
      <c r="P157" s="130"/>
      <c r="Q157" s="130"/>
      <c r="R157" s="130"/>
      <c r="S157" s="130"/>
      <c r="T157" s="130"/>
      <c r="U157" s="130"/>
      <c r="V157" s="130"/>
      <c r="W157" s="130"/>
      <c r="X157" s="79"/>
    </row>
    <row r="158" spans="14:24" s="176" customFormat="1">
      <c r="N158" s="130"/>
      <c r="O158" s="130"/>
      <c r="P158" s="130"/>
      <c r="Q158" s="130"/>
      <c r="R158" s="130"/>
      <c r="S158" s="130"/>
      <c r="T158" s="130"/>
      <c r="U158" s="130"/>
      <c r="V158" s="130"/>
      <c r="W158" s="130"/>
      <c r="X158" s="79"/>
    </row>
    <row r="159" spans="14:24" s="176" customFormat="1">
      <c r="N159" s="130"/>
      <c r="O159" s="130"/>
      <c r="P159" s="130"/>
      <c r="Q159" s="130"/>
      <c r="R159" s="130"/>
      <c r="S159" s="130"/>
      <c r="T159" s="130"/>
      <c r="U159" s="130"/>
      <c r="V159" s="130"/>
      <c r="W159" s="130"/>
      <c r="X159" s="79"/>
    </row>
    <row r="160" spans="14:24" s="176" customFormat="1">
      <c r="N160" s="130"/>
      <c r="O160" s="130"/>
      <c r="P160" s="130"/>
      <c r="Q160" s="130"/>
      <c r="R160" s="130"/>
      <c r="S160" s="130"/>
      <c r="T160" s="130"/>
      <c r="U160" s="130"/>
      <c r="V160" s="130"/>
      <c r="W160" s="130"/>
      <c r="X160" s="79"/>
    </row>
    <row r="161" spans="14:24" s="176" customFormat="1">
      <c r="N161" s="130"/>
      <c r="O161" s="130"/>
      <c r="P161" s="130"/>
      <c r="Q161" s="130"/>
      <c r="R161" s="130"/>
      <c r="S161" s="130"/>
      <c r="T161" s="130"/>
      <c r="U161" s="130"/>
      <c r="V161" s="130"/>
      <c r="W161" s="130"/>
      <c r="X161" s="79"/>
    </row>
    <row r="162" spans="14:24" s="176" customFormat="1">
      <c r="N162" s="130"/>
      <c r="O162" s="130"/>
      <c r="P162" s="130"/>
      <c r="Q162" s="130"/>
      <c r="R162" s="130"/>
      <c r="S162" s="130"/>
      <c r="T162" s="130"/>
      <c r="U162" s="130"/>
      <c r="V162" s="130"/>
      <c r="W162" s="130"/>
      <c r="X162" s="79"/>
    </row>
    <row r="163" spans="14:24" s="176" customFormat="1">
      <c r="N163" s="130"/>
      <c r="O163" s="130"/>
      <c r="P163" s="130"/>
      <c r="Q163" s="130"/>
      <c r="R163" s="130"/>
      <c r="S163" s="130"/>
      <c r="T163" s="130"/>
      <c r="U163" s="130"/>
      <c r="V163" s="130"/>
      <c r="W163" s="130"/>
      <c r="X163" s="79"/>
    </row>
    <row r="164" spans="14:24" s="176" customFormat="1">
      <c r="N164" s="130"/>
      <c r="O164" s="130"/>
      <c r="P164" s="130"/>
      <c r="Q164" s="130"/>
      <c r="R164" s="130"/>
      <c r="S164" s="130"/>
      <c r="T164" s="130"/>
      <c r="U164" s="130"/>
      <c r="V164" s="130"/>
      <c r="W164" s="130"/>
      <c r="X164" s="79"/>
    </row>
    <row r="165" spans="14:24" s="176" customFormat="1">
      <c r="N165" s="130"/>
      <c r="O165" s="130"/>
      <c r="P165" s="130"/>
      <c r="Q165" s="130"/>
      <c r="R165" s="130"/>
      <c r="S165" s="130"/>
      <c r="T165" s="130"/>
      <c r="U165" s="130"/>
      <c r="V165" s="130"/>
      <c r="W165" s="130"/>
      <c r="X165" s="79"/>
    </row>
    <row r="166" spans="14:24" s="176" customFormat="1">
      <c r="N166" s="130"/>
      <c r="O166" s="130"/>
      <c r="P166" s="130"/>
      <c r="Q166" s="130"/>
      <c r="R166" s="130"/>
      <c r="S166" s="130"/>
      <c r="T166" s="130"/>
      <c r="U166" s="130"/>
      <c r="V166" s="130"/>
      <c r="W166" s="130"/>
      <c r="X166" s="79"/>
    </row>
    <row r="167" spans="14:24" s="176" customFormat="1">
      <c r="N167" s="130"/>
      <c r="O167" s="130"/>
      <c r="P167" s="130"/>
      <c r="Q167" s="130"/>
      <c r="R167" s="130"/>
      <c r="S167" s="130"/>
      <c r="T167" s="130"/>
      <c r="U167" s="130"/>
      <c r="V167" s="130"/>
      <c r="W167" s="130"/>
      <c r="X167" s="79"/>
    </row>
    <row r="168" spans="14:24" s="176" customFormat="1">
      <c r="N168" s="130"/>
      <c r="O168" s="130"/>
      <c r="P168" s="130"/>
      <c r="Q168" s="130"/>
      <c r="R168" s="130"/>
      <c r="S168" s="130"/>
      <c r="T168" s="130"/>
      <c r="U168" s="130"/>
      <c r="V168" s="130"/>
      <c r="W168" s="130"/>
      <c r="X168" s="79"/>
    </row>
    <row r="169" spans="14:24" s="176" customFormat="1">
      <c r="N169" s="130"/>
      <c r="O169" s="130"/>
      <c r="P169" s="130"/>
      <c r="Q169" s="130"/>
      <c r="R169" s="130"/>
      <c r="S169" s="130"/>
      <c r="T169" s="130"/>
      <c r="U169" s="130"/>
      <c r="V169" s="130"/>
      <c r="W169" s="130"/>
      <c r="X169" s="79"/>
    </row>
    <row r="170" spans="14:24" s="176" customFormat="1">
      <c r="N170" s="130"/>
      <c r="O170" s="130"/>
      <c r="P170" s="130"/>
      <c r="Q170" s="130"/>
      <c r="R170" s="130"/>
      <c r="S170" s="130"/>
      <c r="T170" s="130"/>
      <c r="U170" s="130"/>
      <c r="V170" s="130"/>
      <c r="W170" s="130"/>
      <c r="X170" s="79"/>
    </row>
    <row r="171" spans="14:24" s="176" customFormat="1">
      <c r="N171" s="130"/>
      <c r="O171" s="130"/>
      <c r="P171" s="130"/>
      <c r="Q171" s="130"/>
      <c r="R171" s="130"/>
      <c r="S171" s="130"/>
      <c r="T171" s="130"/>
      <c r="U171" s="130"/>
      <c r="V171" s="130"/>
      <c r="W171" s="130"/>
      <c r="X171" s="79"/>
    </row>
    <row r="172" spans="14:24" s="176" customFormat="1">
      <c r="N172" s="130"/>
      <c r="O172" s="130"/>
      <c r="P172" s="130"/>
      <c r="Q172" s="130"/>
      <c r="R172" s="130"/>
      <c r="S172" s="130"/>
      <c r="T172" s="130"/>
      <c r="U172" s="130"/>
      <c r="V172" s="130"/>
      <c r="W172" s="130"/>
      <c r="X172" s="79"/>
    </row>
    <row r="173" spans="14:24" s="176" customFormat="1">
      <c r="N173" s="130"/>
      <c r="O173" s="130"/>
      <c r="P173" s="130"/>
      <c r="Q173" s="130"/>
      <c r="R173" s="130"/>
      <c r="S173" s="130"/>
      <c r="T173" s="130"/>
      <c r="U173" s="130"/>
      <c r="V173" s="130"/>
      <c r="W173" s="130"/>
      <c r="X173" s="79"/>
    </row>
    <row r="174" spans="14:24" s="176" customFormat="1">
      <c r="N174" s="130"/>
      <c r="O174" s="130"/>
      <c r="P174" s="130"/>
      <c r="Q174" s="130"/>
      <c r="R174" s="130"/>
      <c r="S174" s="130"/>
      <c r="T174" s="130"/>
      <c r="U174" s="130"/>
      <c r="V174" s="130"/>
      <c r="W174" s="130"/>
      <c r="X174" s="79"/>
    </row>
    <row r="175" spans="14:24" s="176" customFormat="1">
      <c r="N175" s="130"/>
      <c r="O175" s="130"/>
      <c r="P175" s="130"/>
      <c r="Q175" s="130"/>
      <c r="R175" s="130"/>
      <c r="S175" s="130"/>
      <c r="T175" s="130"/>
      <c r="U175" s="130"/>
      <c r="V175" s="130"/>
      <c r="W175" s="130"/>
      <c r="X175" s="79"/>
    </row>
    <row r="176" spans="14:24" s="176" customFormat="1">
      <c r="N176" s="130"/>
      <c r="O176" s="130"/>
      <c r="P176" s="130"/>
      <c r="Q176" s="130"/>
      <c r="R176" s="130"/>
      <c r="S176" s="130"/>
      <c r="T176" s="130"/>
      <c r="U176" s="130"/>
      <c r="V176" s="130"/>
      <c r="W176" s="130"/>
      <c r="X176" s="79"/>
    </row>
    <row r="177" spans="14:24" s="176" customFormat="1">
      <c r="N177" s="130"/>
      <c r="O177" s="130"/>
      <c r="P177" s="130"/>
      <c r="Q177" s="130"/>
      <c r="R177" s="130"/>
      <c r="S177" s="130"/>
      <c r="T177" s="130"/>
      <c r="U177" s="130"/>
      <c r="V177" s="130"/>
      <c r="W177" s="130"/>
      <c r="X177" s="79"/>
    </row>
    <row r="178" spans="14:24" s="176" customFormat="1">
      <c r="N178" s="130"/>
      <c r="O178" s="130"/>
      <c r="P178" s="130"/>
      <c r="Q178" s="130"/>
      <c r="R178" s="130"/>
      <c r="S178" s="130"/>
      <c r="T178" s="130"/>
      <c r="U178" s="130"/>
      <c r="V178" s="130"/>
      <c r="W178" s="130"/>
      <c r="X178" s="79"/>
    </row>
    <row r="179" spans="14:24" s="176" customFormat="1">
      <c r="N179" s="130"/>
      <c r="O179" s="130"/>
      <c r="P179" s="130"/>
      <c r="Q179" s="130"/>
      <c r="R179" s="130"/>
      <c r="S179" s="130"/>
      <c r="T179" s="130"/>
      <c r="U179" s="130"/>
      <c r="V179" s="130"/>
      <c r="W179" s="130"/>
      <c r="X179" s="79"/>
    </row>
    <row r="180" spans="14:24" s="176" customFormat="1">
      <c r="N180" s="130"/>
      <c r="O180" s="130"/>
      <c r="P180" s="130"/>
      <c r="Q180" s="130"/>
      <c r="R180" s="130"/>
      <c r="S180" s="130"/>
      <c r="T180" s="130"/>
      <c r="U180" s="130"/>
      <c r="V180" s="130"/>
      <c r="W180" s="130"/>
      <c r="X180" s="79"/>
    </row>
    <row r="181" spans="14:24" s="176" customFormat="1">
      <c r="N181" s="130"/>
      <c r="O181" s="130"/>
      <c r="P181" s="130"/>
      <c r="Q181" s="130"/>
      <c r="R181" s="130"/>
      <c r="S181" s="130"/>
      <c r="T181" s="130"/>
      <c r="U181" s="130"/>
      <c r="V181" s="130"/>
      <c r="W181" s="130"/>
      <c r="X181" s="79"/>
    </row>
    <row r="182" spans="14:24" s="176" customFormat="1">
      <c r="N182" s="130"/>
      <c r="O182" s="130"/>
      <c r="P182" s="130"/>
      <c r="Q182" s="130"/>
      <c r="R182" s="130"/>
      <c r="S182" s="130"/>
      <c r="T182" s="130"/>
      <c r="U182" s="130"/>
      <c r="V182" s="130"/>
      <c r="W182" s="130"/>
      <c r="X182" s="79"/>
    </row>
    <row r="183" spans="14:24" s="176" customFormat="1">
      <c r="N183" s="130"/>
      <c r="O183" s="130"/>
      <c r="P183" s="130"/>
      <c r="Q183" s="130"/>
      <c r="R183" s="130"/>
      <c r="S183" s="130"/>
      <c r="T183" s="130"/>
      <c r="U183" s="130"/>
      <c r="V183" s="130"/>
      <c r="W183" s="130"/>
      <c r="X183" s="79"/>
    </row>
    <row r="184" spans="14:24" s="176" customFormat="1">
      <c r="N184" s="130"/>
      <c r="O184" s="130"/>
      <c r="P184" s="130"/>
      <c r="Q184" s="130"/>
      <c r="R184" s="130"/>
      <c r="S184" s="130"/>
      <c r="T184" s="130"/>
      <c r="U184" s="130"/>
      <c r="V184" s="130"/>
      <c r="W184" s="130"/>
      <c r="X184" s="79"/>
    </row>
  </sheetData>
  <mergeCells count="5">
    <mergeCell ref="B2:E2"/>
    <mergeCell ref="F2:I2"/>
    <mergeCell ref="J2:M2"/>
    <mergeCell ref="N2:Q2"/>
    <mergeCell ref="R2:T2"/>
  </mergeCells>
  <phoneticPr fontId="2"/>
  <printOptions horizontalCentered="1" gridLinesSet="0"/>
  <pageMargins left="0.59055118110236227" right="0.59055118110236227" top="0.70866141732283472" bottom="0.70866141732283472" header="0.31496062992125984" footer="0.19685039370078741"/>
  <pageSetup paperSize="8" scale="81" orientation="landscape" blackAndWhite="1" r:id="rId1"/>
  <headerFooter scaleWithDoc="0"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80"/>
  <sheetViews>
    <sheetView zoomScaleNormal="100" workbookViewId="0">
      <pane xSplit="1" ySplit="3" topLeftCell="B4" activePane="bottomRight" state="frozen"/>
      <selection pane="topRight"/>
      <selection pane="bottomLeft"/>
      <selection pane="bottomRight"/>
    </sheetView>
  </sheetViews>
  <sheetFormatPr defaultRowHeight="13.5"/>
  <cols>
    <col min="1" max="1" width="16.25" style="151" customWidth="1"/>
    <col min="2" max="9" width="11.25" style="176" customWidth="1"/>
    <col min="10" max="13" width="9" style="176" customWidth="1"/>
    <col min="14" max="17" width="7.75" style="130" customWidth="1"/>
    <col min="18" max="22" width="9" style="130" customWidth="1"/>
    <col min="23" max="23" width="3.875" style="130" customWidth="1"/>
    <col min="24" max="24" width="9" style="79"/>
    <col min="25" max="16384" width="9" style="151"/>
  </cols>
  <sheetData>
    <row r="1" spans="1:24" ht="15.95" customHeight="1" thickBot="1">
      <c r="A1" s="591" t="s">
        <v>396</v>
      </c>
      <c r="M1" s="592"/>
      <c r="P1" s="544"/>
      <c r="Q1" s="544"/>
      <c r="R1" s="172"/>
      <c r="S1" s="172"/>
      <c r="T1" s="172"/>
      <c r="U1" s="309"/>
    </row>
    <row r="2" spans="1:24" s="595" customFormat="1" ht="16.5" customHeight="1" thickTop="1">
      <c r="A2" s="593"/>
      <c r="B2" s="990" t="s">
        <v>313</v>
      </c>
      <c r="C2" s="991"/>
      <c r="D2" s="991"/>
      <c r="E2" s="992"/>
      <c r="F2" s="991" t="s">
        <v>314</v>
      </c>
      <c r="G2" s="991"/>
      <c r="H2" s="991"/>
      <c r="I2" s="992"/>
      <c r="J2" s="991" t="s">
        <v>315</v>
      </c>
      <c r="K2" s="991"/>
      <c r="L2" s="991"/>
      <c r="M2" s="993"/>
      <c r="N2" s="999" t="s">
        <v>316</v>
      </c>
      <c r="O2" s="1000"/>
      <c r="P2" s="1000"/>
      <c r="Q2" s="1001"/>
      <c r="R2" s="1002" t="s">
        <v>317</v>
      </c>
      <c r="S2" s="1002"/>
      <c r="T2" s="1003"/>
      <c r="U2" s="131" t="s">
        <v>318</v>
      </c>
      <c r="V2" s="132" t="s">
        <v>318</v>
      </c>
      <c r="W2" s="133"/>
      <c r="X2" s="594"/>
    </row>
    <row r="3" spans="1:24" s="603" customFormat="1" ht="16.5" customHeight="1">
      <c r="A3" s="177" t="s">
        <v>319</v>
      </c>
      <c r="B3" s="596" t="s">
        <v>320</v>
      </c>
      <c r="C3" s="596" t="s">
        <v>321</v>
      </c>
      <c r="D3" s="596" t="s">
        <v>322</v>
      </c>
      <c r="E3" s="863" t="s">
        <v>323</v>
      </c>
      <c r="F3" s="597" t="s">
        <v>194</v>
      </c>
      <c r="G3" s="596" t="s">
        <v>321</v>
      </c>
      <c r="H3" s="596" t="s">
        <v>322</v>
      </c>
      <c r="I3" s="863" t="s">
        <v>323</v>
      </c>
      <c r="J3" s="597" t="s">
        <v>320</v>
      </c>
      <c r="K3" s="596" t="s">
        <v>324</v>
      </c>
      <c r="L3" s="596" t="s">
        <v>322</v>
      </c>
      <c r="M3" s="596" t="s">
        <v>323</v>
      </c>
      <c r="N3" s="598" t="s">
        <v>325</v>
      </c>
      <c r="O3" s="599" t="s">
        <v>324</v>
      </c>
      <c r="P3" s="599" t="s">
        <v>322</v>
      </c>
      <c r="Q3" s="600" t="s">
        <v>323</v>
      </c>
      <c r="R3" s="599" t="s">
        <v>321</v>
      </c>
      <c r="S3" s="599" t="s">
        <v>322</v>
      </c>
      <c r="T3" s="600" t="s">
        <v>323</v>
      </c>
      <c r="U3" s="601" t="s">
        <v>326</v>
      </c>
      <c r="V3" s="602" t="s">
        <v>327</v>
      </c>
      <c r="W3" s="134"/>
      <c r="X3" s="115"/>
    </row>
    <row r="4" spans="1:24" s="612" customFormat="1" ht="11.25" customHeight="1">
      <c r="A4" s="178"/>
      <c r="B4" s="604" t="s">
        <v>192</v>
      </c>
      <c r="C4" s="604" t="s">
        <v>192</v>
      </c>
      <c r="D4" s="604" t="s">
        <v>192</v>
      </c>
      <c r="E4" s="864" t="s">
        <v>192</v>
      </c>
      <c r="F4" s="605" t="s">
        <v>192</v>
      </c>
      <c r="G4" s="604" t="s">
        <v>192</v>
      </c>
      <c r="H4" s="604" t="s">
        <v>192</v>
      </c>
      <c r="I4" s="864" t="s">
        <v>192</v>
      </c>
      <c r="J4" s="606" t="s">
        <v>192</v>
      </c>
      <c r="K4" s="604" t="s">
        <v>192</v>
      </c>
      <c r="L4" s="604" t="s">
        <v>192</v>
      </c>
      <c r="M4" s="604" t="s">
        <v>192</v>
      </c>
      <c r="N4" s="607" t="s">
        <v>82</v>
      </c>
      <c r="O4" s="608" t="s">
        <v>82</v>
      </c>
      <c r="P4" s="608" t="s">
        <v>82</v>
      </c>
      <c r="Q4" s="609" t="s">
        <v>82</v>
      </c>
      <c r="R4" s="608" t="s">
        <v>82</v>
      </c>
      <c r="S4" s="608" t="s">
        <v>82</v>
      </c>
      <c r="T4" s="609" t="s">
        <v>82</v>
      </c>
      <c r="U4" s="135" t="s">
        <v>182</v>
      </c>
      <c r="V4" s="610"/>
      <c r="W4" s="135"/>
      <c r="X4" s="611"/>
    </row>
    <row r="5" spans="1:24" ht="12.75" customHeight="1">
      <c r="A5" s="179" t="s">
        <v>328</v>
      </c>
      <c r="B5" s="137">
        <v>4653067</v>
      </c>
      <c r="C5" s="137">
        <v>511154</v>
      </c>
      <c r="D5" s="137">
        <v>2746731</v>
      </c>
      <c r="E5" s="865">
        <v>1296672</v>
      </c>
      <c r="F5" s="890">
        <v>4651258</v>
      </c>
      <c r="G5" s="137">
        <v>519758</v>
      </c>
      <c r="H5" s="137">
        <v>2739826</v>
      </c>
      <c r="I5" s="865">
        <v>1293163</v>
      </c>
      <c r="J5" s="136">
        <v>1809</v>
      </c>
      <c r="K5" s="137">
        <v>-8604</v>
      </c>
      <c r="L5" s="137">
        <v>6905</v>
      </c>
      <c r="M5" s="137">
        <v>3509</v>
      </c>
      <c r="N5" s="613">
        <v>3.8892703866351859E-2</v>
      </c>
      <c r="O5" s="613">
        <v>-1.6553857756879162</v>
      </c>
      <c r="P5" s="613">
        <v>0.25202330366964909</v>
      </c>
      <c r="Q5" s="614">
        <v>0.2713501700868336</v>
      </c>
      <c r="R5" s="615">
        <v>11.2</v>
      </c>
      <c r="S5" s="615">
        <v>60.3</v>
      </c>
      <c r="T5" s="616">
        <v>28.5</v>
      </c>
      <c r="U5" s="617">
        <v>48.32</v>
      </c>
      <c r="V5" s="618">
        <v>253.7</v>
      </c>
      <c r="W5" s="138"/>
    </row>
    <row r="6" spans="1:24" ht="10.5" customHeight="1">
      <c r="A6" s="173"/>
      <c r="B6" s="140"/>
      <c r="C6" s="140"/>
      <c r="D6" s="140"/>
      <c r="E6" s="866"/>
      <c r="F6" s="891"/>
      <c r="G6" s="892"/>
      <c r="H6" s="892"/>
      <c r="I6" s="893"/>
      <c r="J6" s="180"/>
      <c r="K6" s="181"/>
      <c r="L6" s="181"/>
      <c r="M6" s="181"/>
      <c r="N6" s="182"/>
      <c r="O6" s="183"/>
      <c r="P6" s="183"/>
      <c r="Q6" s="184"/>
      <c r="R6" s="144"/>
      <c r="S6" s="144"/>
      <c r="T6" s="145"/>
      <c r="U6" s="150"/>
      <c r="V6" s="185"/>
      <c r="W6" s="146"/>
    </row>
    <row r="7" spans="1:24" s="622" customFormat="1" ht="12.75" customHeight="1">
      <c r="A7" s="186" t="s">
        <v>329</v>
      </c>
      <c r="B7" s="137">
        <v>1910119</v>
      </c>
      <c r="C7" s="137">
        <v>208103</v>
      </c>
      <c r="D7" s="137">
        <v>1138788</v>
      </c>
      <c r="E7" s="865">
        <v>518159</v>
      </c>
      <c r="F7" s="890">
        <v>1909704</v>
      </c>
      <c r="G7" s="137">
        <v>211499</v>
      </c>
      <c r="H7" s="137">
        <v>1136614</v>
      </c>
      <c r="I7" s="865">
        <v>516522</v>
      </c>
      <c r="J7" s="619">
        <v>415</v>
      </c>
      <c r="K7" s="620">
        <v>-3396</v>
      </c>
      <c r="L7" s="620">
        <v>2174</v>
      </c>
      <c r="M7" s="620">
        <v>1637</v>
      </c>
      <c r="N7" s="613">
        <v>2.1731116445271099E-2</v>
      </c>
      <c r="O7" s="613">
        <v>-1.6056813507392471</v>
      </c>
      <c r="P7" s="613">
        <v>0.19126985942457159</v>
      </c>
      <c r="Q7" s="614">
        <v>0.31692744936324108</v>
      </c>
      <c r="R7" s="615">
        <v>11.2</v>
      </c>
      <c r="S7" s="615">
        <v>61.1</v>
      </c>
      <c r="T7" s="616">
        <v>27.8</v>
      </c>
      <c r="U7" s="617">
        <v>48.17</v>
      </c>
      <c r="V7" s="618">
        <v>249</v>
      </c>
      <c r="W7" s="138"/>
      <c r="X7" s="621"/>
    </row>
    <row r="8" spans="1:24" ht="12.75" customHeight="1">
      <c r="A8" s="149" t="s">
        <v>330</v>
      </c>
      <c r="B8" s="140">
        <v>142931</v>
      </c>
      <c r="C8" s="140">
        <v>17126</v>
      </c>
      <c r="D8" s="140">
        <v>88408</v>
      </c>
      <c r="E8" s="866">
        <v>33718</v>
      </c>
      <c r="F8" s="163">
        <v>143245</v>
      </c>
      <c r="G8" s="140">
        <v>17466</v>
      </c>
      <c r="H8" s="140">
        <v>88408</v>
      </c>
      <c r="I8" s="866">
        <v>33692</v>
      </c>
      <c r="J8" s="180">
        <v>-314</v>
      </c>
      <c r="K8" s="181">
        <v>-340</v>
      </c>
      <c r="L8" s="181">
        <v>0</v>
      </c>
      <c r="M8" s="181">
        <v>26</v>
      </c>
      <c r="N8" s="182">
        <v>-0.21920485880833535</v>
      </c>
      <c r="O8" s="182">
        <v>-1.9466391847017059</v>
      </c>
      <c r="P8" s="182">
        <v>0</v>
      </c>
      <c r="Q8" s="184">
        <v>7.7169654517392855E-2</v>
      </c>
      <c r="R8" s="144">
        <v>12.3</v>
      </c>
      <c r="S8" s="144">
        <v>63.5</v>
      </c>
      <c r="T8" s="145">
        <v>24.2</v>
      </c>
      <c r="U8" s="187">
        <v>45.94</v>
      </c>
      <c r="V8" s="185">
        <v>196.9</v>
      </c>
      <c r="W8" s="146"/>
    </row>
    <row r="9" spans="1:24" ht="12.75" customHeight="1">
      <c r="A9" s="149" t="s">
        <v>331</v>
      </c>
      <c r="B9" s="140">
        <v>122011</v>
      </c>
      <c r="C9" s="140">
        <v>12889</v>
      </c>
      <c r="D9" s="140">
        <v>76496</v>
      </c>
      <c r="E9" s="866">
        <v>29395</v>
      </c>
      <c r="F9" s="163">
        <v>121283</v>
      </c>
      <c r="G9" s="140">
        <v>12974</v>
      </c>
      <c r="H9" s="140">
        <v>75650</v>
      </c>
      <c r="I9" s="866">
        <v>29428</v>
      </c>
      <c r="J9" s="180">
        <v>728</v>
      </c>
      <c r="K9" s="181">
        <v>-85</v>
      </c>
      <c r="L9" s="181">
        <v>846</v>
      </c>
      <c r="M9" s="181">
        <v>-33</v>
      </c>
      <c r="N9" s="182">
        <v>0.60024900439468021</v>
      </c>
      <c r="O9" s="182">
        <v>-0.65515646677971329</v>
      </c>
      <c r="P9" s="182">
        <v>1.1183079973562458</v>
      </c>
      <c r="Q9" s="184">
        <v>-0.11213809976892755</v>
      </c>
      <c r="R9" s="144">
        <v>10.9</v>
      </c>
      <c r="S9" s="144">
        <v>64.400000000000006</v>
      </c>
      <c r="T9" s="145">
        <v>24.7</v>
      </c>
      <c r="U9" s="187">
        <v>46.54</v>
      </c>
      <c r="V9" s="185">
        <v>228.1</v>
      </c>
      <c r="W9" s="146"/>
    </row>
    <row r="10" spans="1:24" ht="12.75" customHeight="1">
      <c r="A10" s="149" t="s">
        <v>332</v>
      </c>
      <c r="B10" s="140">
        <v>52309</v>
      </c>
      <c r="C10" s="140">
        <v>5522</v>
      </c>
      <c r="D10" s="140">
        <v>34745</v>
      </c>
      <c r="E10" s="866">
        <v>11168</v>
      </c>
      <c r="F10" s="163">
        <v>51719</v>
      </c>
      <c r="G10" s="140">
        <v>5538</v>
      </c>
      <c r="H10" s="140">
        <v>34164</v>
      </c>
      <c r="I10" s="866">
        <v>11143</v>
      </c>
      <c r="J10" s="180">
        <v>590</v>
      </c>
      <c r="K10" s="181">
        <v>-16</v>
      </c>
      <c r="L10" s="181">
        <v>581</v>
      </c>
      <c r="M10" s="181">
        <v>25</v>
      </c>
      <c r="N10" s="182">
        <v>1.1407799841450916</v>
      </c>
      <c r="O10" s="182">
        <v>-0.28891296496930302</v>
      </c>
      <c r="P10" s="182">
        <v>1.7006205362369746</v>
      </c>
      <c r="Q10" s="184">
        <v>0.22435609799874362</v>
      </c>
      <c r="R10" s="144">
        <v>10.7</v>
      </c>
      <c r="S10" s="144">
        <v>67.599999999999994</v>
      </c>
      <c r="T10" s="145">
        <v>21.7</v>
      </c>
      <c r="U10" s="187">
        <v>45.6</v>
      </c>
      <c r="V10" s="185">
        <v>202.2</v>
      </c>
      <c r="W10" s="146"/>
    </row>
    <row r="11" spans="1:24" ht="12.75" customHeight="1">
      <c r="A11" s="149" t="s">
        <v>333</v>
      </c>
      <c r="B11" s="140">
        <v>74362</v>
      </c>
      <c r="C11" s="140">
        <v>6746</v>
      </c>
      <c r="D11" s="140">
        <v>45202</v>
      </c>
      <c r="E11" s="866">
        <v>17126</v>
      </c>
      <c r="F11" s="163">
        <v>73796</v>
      </c>
      <c r="G11" s="140">
        <v>6899</v>
      </c>
      <c r="H11" s="140">
        <v>44523</v>
      </c>
      <c r="I11" s="866">
        <v>17086</v>
      </c>
      <c r="J11" s="180">
        <v>566</v>
      </c>
      <c r="K11" s="181">
        <v>-153</v>
      </c>
      <c r="L11" s="181">
        <v>679</v>
      </c>
      <c r="M11" s="181">
        <v>40</v>
      </c>
      <c r="N11" s="182">
        <v>0.7669792400672123</v>
      </c>
      <c r="O11" s="182">
        <v>-2.2177127119872448</v>
      </c>
      <c r="P11" s="182">
        <v>1.5250544662309369</v>
      </c>
      <c r="Q11" s="184">
        <v>0.23410979749502514</v>
      </c>
      <c r="R11" s="144">
        <v>9.8000000000000007</v>
      </c>
      <c r="S11" s="144">
        <v>65.400000000000006</v>
      </c>
      <c r="T11" s="145">
        <v>24.8</v>
      </c>
      <c r="U11" s="187">
        <v>48.14</v>
      </c>
      <c r="V11" s="185">
        <v>253.9</v>
      </c>
      <c r="W11" s="146"/>
    </row>
    <row r="12" spans="1:24" ht="12.75" customHeight="1">
      <c r="A12" s="149" t="s">
        <v>334</v>
      </c>
      <c r="B12" s="140">
        <v>99032</v>
      </c>
      <c r="C12" s="140">
        <v>8854</v>
      </c>
      <c r="D12" s="140">
        <v>59090</v>
      </c>
      <c r="E12" s="866">
        <v>28483</v>
      </c>
      <c r="F12" s="163">
        <v>98953</v>
      </c>
      <c r="G12" s="140">
        <v>9065</v>
      </c>
      <c r="H12" s="140">
        <v>58715</v>
      </c>
      <c r="I12" s="866">
        <v>28568</v>
      </c>
      <c r="J12" s="180">
        <v>79</v>
      </c>
      <c r="K12" s="181">
        <v>-211</v>
      </c>
      <c r="L12" s="181">
        <v>375</v>
      </c>
      <c r="M12" s="181">
        <v>-85</v>
      </c>
      <c r="N12" s="182">
        <v>7.9835881681202189E-2</v>
      </c>
      <c r="O12" s="182">
        <v>-2.3276337562051848</v>
      </c>
      <c r="P12" s="182">
        <v>0.63867836157710978</v>
      </c>
      <c r="Q12" s="184">
        <v>-0.29753570428451415</v>
      </c>
      <c r="R12" s="144">
        <v>9.1999999999999993</v>
      </c>
      <c r="S12" s="144">
        <v>61.3</v>
      </c>
      <c r="T12" s="145">
        <v>29.5</v>
      </c>
      <c r="U12" s="187">
        <v>49.35</v>
      </c>
      <c r="V12" s="185">
        <v>321.7</v>
      </c>
      <c r="W12" s="146"/>
    </row>
    <row r="13" spans="1:24" ht="12.75" customHeight="1">
      <c r="A13" s="149" t="s">
        <v>395</v>
      </c>
      <c r="B13" s="140">
        <v>105025</v>
      </c>
      <c r="C13" s="140">
        <v>10245</v>
      </c>
      <c r="D13" s="140">
        <v>60644</v>
      </c>
      <c r="E13" s="866">
        <v>30654</v>
      </c>
      <c r="F13" s="163">
        <v>105420</v>
      </c>
      <c r="G13" s="140">
        <v>10469</v>
      </c>
      <c r="H13" s="140">
        <v>60685</v>
      </c>
      <c r="I13" s="866">
        <v>30784</v>
      </c>
      <c r="J13" s="180">
        <v>-395</v>
      </c>
      <c r="K13" s="181">
        <v>-224</v>
      </c>
      <c r="L13" s="181">
        <v>-41</v>
      </c>
      <c r="M13" s="181">
        <v>-130</v>
      </c>
      <c r="N13" s="182">
        <v>-0.3746917093530639</v>
      </c>
      <c r="O13" s="182">
        <v>-2.1396503964084443</v>
      </c>
      <c r="P13" s="182">
        <v>-6.7562000494356095E-2</v>
      </c>
      <c r="Q13" s="184">
        <v>-0.42229729729729731</v>
      </c>
      <c r="R13" s="144">
        <v>10.1</v>
      </c>
      <c r="S13" s="144">
        <v>59.7</v>
      </c>
      <c r="T13" s="145">
        <v>30.2</v>
      </c>
      <c r="U13" s="187">
        <v>49.49</v>
      </c>
      <c r="V13" s="185">
        <v>299.2</v>
      </c>
      <c r="W13" s="146"/>
    </row>
    <row r="14" spans="1:24" ht="12.75" customHeight="1">
      <c r="A14" s="149" t="s">
        <v>336</v>
      </c>
      <c r="B14" s="140">
        <v>84079</v>
      </c>
      <c r="C14" s="140">
        <v>8933</v>
      </c>
      <c r="D14" s="140">
        <v>46664</v>
      </c>
      <c r="E14" s="866">
        <v>25470</v>
      </c>
      <c r="F14" s="163">
        <v>84515</v>
      </c>
      <c r="G14" s="140">
        <v>9081</v>
      </c>
      <c r="H14" s="140">
        <v>46958</v>
      </c>
      <c r="I14" s="866">
        <v>25464</v>
      </c>
      <c r="J14" s="180">
        <v>-436</v>
      </c>
      <c r="K14" s="181">
        <v>-148</v>
      </c>
      <c r="L14" s="181">
        <v>-294</v>
      </c>
      <c r="M14" s="181">
        <v>6</v>
      </c>
      <c r="N14" s="182">
        <v>-0.5158847541856475</v>
      </c>
      <c r="O14" s="182">
        <v>-1.629776456337408</v>
      </c>
      <c r="P14" s="182">
        <v>-0.62609140082627035</v>
      </c>
      <c r="Q14" s="184">
        <v>2.35626767200754E-2</v>
      </c>
      <c r="R14" s="144">
        <v>11</v>
      </c>
      <c r="S14" s="144">
        <v>57.6</v>
      </c>
      <c r="T14" s="145">
        <v>31.4</v>
      </c>
      <c r="U14" s="187">
        <v>49.97</v>
      </c>
      <c r="V14" s="185">
        <v>285.10000000000002</v>
      </c>
      <c r="W14" s="146"/>
    </row>
    <row r="15" spans="1:24" ht="12.75" customHeight="1">
      <c r="A15" s="149" t="s">
        <v>337</v>
      </c>
      <c r="B15" s="140">
        <v>100720</v>
      </c>
      <c r="C15" s="140">
        <v>9836</v>
      </c>
      <c r="D15" s="140">
        <v>55656</v>
      </c>
      <c r="E15" s="866">
        <v>32756</v>
      </c>
      <c r="F15" s="163">
        <v>101526</v>
      </c>
      <c r="G15" s="140">
        <v>10162</v>
      </c>
      <c r="H15" s="140">
        <v>56235</v>
      </c>
      <c r="I15" s="866">
        <v>32657</v>
      </c>
      <c r="J15" s="180">
        <v>-806</v>
      </c>
      <c r="K15" s="181">
        <v>-326</v>
      </c>
      <c r="L15" s="181">
        <v>-579</v>
      </c>
      <c r="M15" s="181">
        <v>99</v>
      </c>
      <c r="N15" s="182">
        <v>-0.79388531016685371</v>
      </c>
      <c r="O15" s="182">
        <v>-3.2080299153709899</v>
      </c>
      <c r="P15" s="182">
        <v>-1.0296078954387837</v>
      </c>
      <c r="Q15" s="184">
        <v>0.303150932418777</v>
      </c>
      <c r="R15" s="144">
        <v>10</v>
      </c>
      <c r="S15" s="144">
        <v>56.6</v>
      </c>
      <c r="T15" s="145">
        <v>33.299999999999997</v>
      </c>
      <c r="U15" s="187">
        <v>50.8</v>
      </c>
      <c r="V15" s="185">
        <v>333</v>
      </c>
      <c r="W15" s="146"/>
    </row>
    <row r="16" spans="1:24" ht="12.75" customHeight="1">
      <c r="A16" s="149" t="s">
        <v>338</v>
      </c>
      <c r="B16" s="140">
        <v>181636</v>
      </c>
      <c r="C16" s="140">
        <v>21039</v>
      </c>
      <c r="D16" s="140">
        <v>116137</v>
      </c>
      <c r="E16" s="866">
        <v>39231</v>
      </c>
      <c r="F16" s="163">
        <v>180186</v>
      </c>
      <c r="G16" s="140">
        <v>21085</v>
      </c>
      <c r="H16" s="140">
        <v>114830</v>
      </c>
      <c r="I16" s="866">
        <v>39042</v>
      </c>
      <c r="J16" s="180">
        <v>1450</v>
      </c>
      <c r="K16" s="181">
        <v>-46</v>
      </c>
      <c r="L16" s="181">
        <v>1307</v>
      </c>
      <c r="M16" s="181">
        <v>189</v>
      </c>
      <c r="N16" s="182">
        <v>0.80472400741456052</v>
      </c>
      <c r="O16" s="182">
        <v>-0.21816457197059522</v>
      </c>
      <c r="P16" s="182">
        <v>1.1382043020116694</v>
      </c>
      <c r="Q16" s="184">
        <v>0.48409405255878285</v>
      </c>
      <c r="R16" s="144">
        <v>11.9</v>
      </c>
      <c r="S16" s="144">
        <v>65.8</v>
      </c>
      <c r="T16" s="145">
        <v>22.2</v>
      </c>
      <c r="U16" s="187">
        <v>45.23</v>
      </c>
      <c r="V16" s="185">
        <v>186.5</v>
      </c>
      <c r="W16" s="146"/>
    </row>
    <row r="17" spans="1:24" ht="12.75" customHeight="1">
      <c r="A17" s="149" t="s">
        <v>339</v>
      </c>
      <c r="B17" s="140">
        <v>145487</v>
      </c>
      <c r="C17" s="140">
        <v>17162</v>
      </c>
      <c r="D17" s="140">
        <v>84295</v>
      </c>
      <c r="E17" s="866">
        <v>41278</v>
      </c>
      <c r="F17" s="163">
        <v>145664</v>
      </c>
      <c r="G17" s="140">
        <v>17509</v>
      </c>
      <c r="H17" s="140">
        <v>84287</v>
      </c>
      <c r="I17" s="866">
        <v>41116</v>
      </c>
      <c r="J17" s="180">
        <v>-177</v>
      </c>
      <c r="K17" s="181">
        <v>-347</v>
      </c>
      <c r="L17" s="181">
        <v>8</v>
      </c>
      <c r="M17" s="181">
        <v>162</v>
      </c>
      <c r="N17" s="182">
        <v>-0.12151252196836554</v>
      </c>
      <c r="O17" s="182">
        <v>-1.981837911931007</v>
      </c>
      <c r="P17" s="182">
        <v>9.4913806399563386E-3</v>
      </c>
      <c r="Q17" s="184">
        <v>0.3940071991438856</v>
      </c>
      <c r="R17" s="144">
        <v>12</v>
      </c>
      <c r="S17" s="144">
        <v>59.1</v>
      </c>
      <c r="T17" s="145">
        <v>28.9</v>
      </c>
      <c r="U17" s="187">
        <v>48.24</v>
      </c>
      <c r="V17" s="185">
        <v>240.5</v>
      </c>
      <c r="W17" s="146"/>
    </row>
    <row r="18" spans="1:24" ht="12.75" customHeight="1">
      <c r="A18" s="149" t="s">
        <v>340</v>
      </c>
      <c r="B18" s="140">
        <v>110101</v>
      </c>
      <c r="C18" s="140">
        <v>11317</v>
      </c>
      <c r="D18" s="140">
        <v>62373</v>
      </c>
      <c r="E18" s="866">
        <v>34866</v>
      </c>
      <c r="F18" s="163">
        <v>110322</v>
      </c>
      <c r="G18" s="140">
        <v>11369</v>
      </c>
      <c r="H18" s="140">
        <v>62642</v>
      </c>
      <c r="I18" s="866">
        <v>34766</v>
      </c>
      <c r="J18" s="180">
        <v>-221</v>
      </c>
      <c r="K18" s="181">
        <v>-52</v>
      </c>
      <c r="L18" s="181">
        <v>-269</v>
      </c>
      <c r="M18" s="181">
        <v>100</v>
      </c>
      <c r="N18" s="182">
        <v>-0.20032269175685719</v>
      </c>
      <c r="O18" s="182">
        <v>-0.45738411469786255</v>
      </c>
      <c r="P18" s="182">
        <v>-0.42942434788161299</v>
      </c>
      <c r="Q18" s="184">
        <v>0.28763734683311282</v>
      </c>
      <c r="R18" s="144">
        <v>10.4</v>
      </c>
      <c r="S18" s="144">
        <v>57.5</v>
      </c>
      <c r="T18" s="145">
        <v>32.1</v>
      </c>
      <c r="U18" s="187">
        <v>50.43</v>
      </c>
      <c r="V18" s="185">
        <v>308.10000000000002</v>
      </c>
      <c r="W18" s="146"/>
    </row>
    <row r="19" spans="1:24" ht="12.75" customHeight="1">
      <c r="A19" s="149" t="s">
        <v>341</v>
      </c>
      <c r="B19" s="140">
        <v>125701</v>
      </c>
      <c r="C19" s="140">
        <v>13132</v>
      </c>
      <c r="D19" s="140">
        <v>69174</v>
      </c>
      <c r="E19" s="866">
        <v>41160</v>
      </c>
      <c r="F19" s="163">
        <v>125960</v>
      </c>
      <c r="G19" s="140">
        <v>13350</v>
      </c>
      <c r="H19" s="140">
        <v>69257</v>
      </c>
      <c r="I19" s="866">
        <v>41118</v>
      </c>
      <c r="J19" s="180">
        <v>-259</v>
      </c>
      <c r="K19" s="181">
        <v>-218</v>
      </c>
      <c r="L19" s="181">
        <v>-83</v>
      </c>
      <c r="M19" s="181">
        <v>42</v>
      </c>
      <c r="N19" s="182">
        <v>-0.20562083201016196</v>
      </c>
      <c r="O19" s="182">
        <v>-1.6329588014981273</v>
      </c>
      <c r="P19" s="182">
        <v>-0.11984348152533318</v>
      </c>
      <c r="Q19" s="184">
        <v>0.10214504596527069</v>
      </c>
      <c r="R19" s="144">
        <v>10.6</v>
      </c>
      <c r="S19" s="144">
        <v>56</v>
      </c>
      <c r="T19" s="145">
        <v>33.299999999999997</v>
      </c>
      <c r="U19" s="187">
        <v>50.86</v>
      </c>
      <c r="V19" s="185">
        <v>313.39999999999998</v>
      </c>
      <c r="W19" s="146"/>
    </row>
    <row r="20" spans="1:24" ht="12.75" customHeight="1">
      <c r="A20" s="149" t="s">
        <v>342</v>
      </c>
      <c r="B20" s="140">
        <v>93043</v>
      </c>
      <c r="C20" s="140">
        <v>10821</v>
      </c>
      <c r="D20" s="140">
        <v>55435</v>
      </c>
      <c r="E20" s="866">
        <v>25571</v>
      </c>
      <c r="F20" s="163">
        <v>93195</v>
      </c>
      <c r="G20" s="140">
        <v>11026</v>
      </c>
      <c r="H20" s="140">
        <v>55530</v>
      </c>
      <c r="I20" s="866">
        <v>25423</v>
      </c>
      <c r="J20" s="180">
        <v>-152</v>
      </c>
      <c r="K20" s="181">
        <v>-205</v>
      </c>
      <c r="L20" s="181">
        <v>-95</v>
      </c>
      <c r="M20" s="181">
        <v>148</v>
      </c>
      <c r="N20" s="182">
        <v>-0.16309887869520898</v>
      </c>
      <c r="O20" s="182">
        <v>-1.8592417921276982</v>
      </c>
      <c r="P20" s="182">
        <v>-0.17107869620025212</v>
      </c>
      <c r="Q20" s="184">
        <v>0.58215002163395346</v>
      </c>
      <c r="R20" s="144">
        <v>11.8</v>
      </c>
      <c r="S20" s="144">
        <v>60.4</v>
      </c>
      <c r="T20" s="145">
        <v>27.8</v>
      </c>
      <c r="U20" s="187">
        <v>47.9</v>
      </c>
      <c r="V20" s="185">
        <v>236.3</v>
      </c>
      <c r="W20" s="146"/>
    </row>
    <row r="21" spans="1:24" ht="12.75" customHeight="1">
      <c r="A21" s="149" t="s">
        <v>343</v>
      </c>
      <c r="B21" s="140">
        <v>62894</v>
      </c>
      <c r="C21" s="140">
        <v>6475</v>
      </c>
      <c r="D21" s="140">
        <v>35424</v>
      </c>
      <c r="E21" s="866">
        <v>19717</v>
      </c>
      <c r="F21" s="163">
        <v>63043</v>
      </c>
      <c r="G21" s="140">
        <v>6594</v>
      </c>
      <c r="H21" s="140">
        <v>35416</v>
      </c>
      <c r="I21" s="866">
        <v>19755</v>
      </c>
      <c r="J21" s="180">
        <v>-149</v>
      </c>
      <c r="K21" s="181">
        <v>-119</v>
      </c>
      <c r="L21" s="181">
        <v>8</v>
      </c>
      <c r="M21" s="181">
        <v>-38</v>
      </c>
      <c r="N21" s="182">
        <v>-0.23634662056056976</v>
      </c>
      <c r="O21" s="182">
        <v>-1.8046709129511678</v>
      </c>
      <c r="P21" s="182">
        <v>2.2588660492432799E-2</v>
      </c>
      <c r="Q21" s="184">
        <v>-0.19235636547709442</v>
      </c>
      <c r="R21" s="144">
        <v>10.5</v>
      </c>
      <c r="S21" s="144">
        <v>57.5</v>
      </c>
      <c r="T21" s="145">
        <v>32</v>
      </c>
      <c r="U21" s="187">
        <v>50.14</v>
      </c>
      <c r="V21" s="185">
        <v>304.5</v>
      </c>
      <c r="W21" s="146"/>
    </row>
    <row r="22" spans="1:24" ht="12.75" customHeight="1">
      <c r="A22" s="149" t="s">
        <v>344</v>
      </c>
      <c r="B22" s="140">
        <v>62192</v>
      </c>
      <c r="C22" s="140">
        <v>6338</v>
      </c>
      <c r="D22" s="140">
        <v>34065</v>
      </c>
      <c r="E22" s="866">
        <v>21055</v>
      </c>
      <c r="F22" s="163">
        <v>61848</v>
      </c>
      <c r="G22" s="140">
        <v>6380</v>
      </c>
      <c r="H22" s="140">
        <v>33714</v>
      </c>
      <c r="I22" s="866">
        <v>21020</v>
      </c>
      <c r="J22" s="180">
        <v>344</v>
      </c>
      <c r="K22" s="181">
        <v>-42</v>
      </c>
      <c r="L22" s="181">
        <v>351</v>
      </c>
      <c r="M22" s="181">
        <v>35</v>
      </c>
      <c r="N22" s="182">
        <v>0.55620230241883328</v>
      </c>
      <c r="O22" s="182">
        <v>-0.65830721003134796</v>
      </c>
      <c r="P22" s="182">
        <v>1.0411105178857449</v>
      </c>
      <c r="Q22" s="184">
        <v>0.1665080875356803</v>
      </c>
      <c r="R22" s="144">
        <v>10.3</v>
      </c>
      <c r="S22" s="144">
        <v>55.4</v>
      </c>
      <c r="T22" s="145">
        <v>34.299999999999997</v>
      </c>
      <c r="U22" s="187">
        <v>51.07</v>
      </c>
      <c r="V22" s="185">
        <v>332.2</v>
      </c>
      <c r="W22" s="146"/>
    </row>
    <row r="23" spans="1:24" ht="12.75" customHeight="1">
      <c r="A23" s="149" t="s">
        <v>345</v>
      </c>
      <c r="B23" s="140">
        <v>78206</v>
      </c>
      <c r="C23" s="140">
        <v>8408</v>
      </c>
      <c r="D23" s="140">
        <v>43960</v>
      </c>
      <c r="E23" s="866">
        <v>24844</v>
      </c>
      <c r="F23" s="163">
        <v>78398</v>
      </c>
      <c r="G23" s="140">
        <v>8505</v>
      </c>
      <c r="H23" s="140">
        <v>44136</v>
      </c>
      <c r="I23" s="866">
        <v>24763</v>
      </c>
      <c r="J23" s="180">
        <v>-192</v>
      </c>
      <c r="K23" s="181">
        <v>-97</v>
      </c>
      <c r="L23" s="181">
        <v>-176</v>
      </c>
      <c r="M23" s="181">
        <v>81</v>
      </c>
      <c r="N23" s="182">
        <v>-0.24490420673996785</v>
      </c>
      <c r="O23" s="182">
        <v>-1.1405055849500294</v>
      </c>
      <c r="P23" s="182">
        <v>-0.39876744607576575</v>
      </c>
      <c r="Q23" s="184">
        <v>0.32710091669022329</v>
      </c>
      <c r="R23" s="144">
        <v>10.9</v>
      </c>
      <c r="S23" s="144">
        <v>56.9</v>
      </c>
      <c r="T23" s="145">
        <v>32.200000000000003</v>
      </c>
      <c r="U23" s="187">
        <v>50.22</v>
      </c>
      <c r="V23" s="185">
        <v>295.5</v>
      </c>
      <c r="W23" s="146"/>
    </row>
    <row r="24" spans="1:24" ht="12.75" customHeight="1">
      <c r="A24" s="149" t="s">
        <v>346</v>
      </c>
      <c r="B24" s="140">
        <v>160720</v>
      </c>
      <c r="C24" s="140">
        <v>18478</v>
      </c>
      <c r="D24" s="140">
        <v>100569</v>
      </c>
      <c r="E24" s="866">
        <v>39159</v>
      </c>
      <c r="F24" s="163">
        <v>161010</v>
      </c>
      <c r="G24" s="140">
        <v>18802</v>
      </c>
      <c r="H24" s="140">
        <v>101133</v>
      </c>
      <c r="I24" s="866">
        <v>38561</v>
      </c>
      <c r="J24" s="180">
        <v>-290</v>
      </c>
      <c r="K24" s="181">
        <v>-324</v>
      </c>
      <c r="L24" s="181">
        <v>-564</v>
      </c>
      <c r="M24" s="181">
        <v>598</v>
      </c>
      <c r="N24" s="182">
        <v>-0.1801130364573629</v>
      </c>
      <c r="O24" s="182">
        <v>-1.7232209339431974</v>
      </c>
      <c r="P24" s="182">
        <v>-0.55768146895672044</v>
      </c>
      <c r="Q24" s="184">
        <v>1.5507896579445555</v>
      </c>
      <c r="R24" s="144">
        <v>11.7</v>
      </c>
      <c r="S24" s="144">
        <v>63.6</v>
      </c>
      <c r="T24" s="145">
        <v>24.8</v>
      </c>
      <c r="U24" s="187">
        <v>47.12</v>
      </c>
      <c r="V24" s="185">
        <v>211.9</v>
      </c>
      <c r="W24" s="146"/>
    </row>
    <row r="25" spans="1:24" ht="12.75" customHeight="1">
      <c r="A25" s="149" t="s">
        <v>347</v>
      </c>
      <c r="B25" s="140">
        <v>109670</v>
      </c>
      <c r="C25" s="140">
        <v>14782</v>
      </c>
      <c r="D25" s="140">
        <v>70451</v>
      </c>
      <c r="E25" s="866">
        <v>22508</v>
      </c>
      <c r="F25" s="163">
        <v>109621</v>
      </c>
      <c r="G25" s="140">
        <v>15225</v>
      </c>
      <c r="H25" s="140">
        <v>70331</v>
      </c>
      <c r="I25" s="866">
        <v>22136</v>
      </c>
      <c r="J25" s="180">
        <v>49</v>
      </c>
      <c r="K25" s="181">
        <v>-443</v>
      </c>
      <c r="L25" s="181">
        <v>120</v>
      </c>
      <c r="M25" s="181">
        <v>372</v>
      </c>
      <c r="N25" s="182">
        <v>4.4699464518659741E-2</v>
      </c>
      <c r="O25" s="182">
        <v>-2.909688013136289</v>
      </c>
      <c r="P25" s="182">
        <v>0.17062177418208185</v>
      </c>
      <c r="Q25" s="184">
        <v>1.6805204192265992</v>
      </c>
      <c r="R25" s="144">
        <v>13.7</v>
      </c>
      <c r="S25" s="144">
        <v>65.400000000000006</v>
      </c>
      <c r="T25" s="145">
        <v>20.9</v>
      </c>
      <c r="U25" s="187">
        <v>44.89</v>
      </c>
      <c r="V25" s="185">
        <v>152.30000000000001</v>
      </c>
      <c r="W25" s="146"/>
    </row>
    <row r="26" spans="1:24" ht="9" customHeight="1">
      <c r="A26" s="149"/>
      <c r="B26" s="140"/>
      <c r="C26" s="140"/>
      <c r="D26" s="140"/>
      <c r="E26" s="866"/>
      <c r="F26" s="163"/>
      <c r="G26" s="140"/>
      <c r="H26" s="140"/>
      <c r="I26" s="866"/>
      <c r="J26" s="180"/>
      <c r="K26" s="181"/>
      <c r="L26" s="181"/>
      <c r="M26" s="181"/>
      <c r="N26" s="182"/>
      <c r="O26" s="183"/>
      <c r="P26" s="183"/>
      <c r="Q26" s="184"/>
      <c r="R26" s="144"/>
      <c r="S26" s="144"/>
      <c r="T26" s="145"/>
      <c r="U26" s="187"/>
      <c r="V26" s="185"/>
      <c r="W26" s="146"/>
    </row>
    <row r="27" spans="1:24" s="622" customFormat="1" ht="12.75" customHeight="1">
      <c r="A27" s="188" t="s">
        <v>348</v>
      </c>
      <c r="B27" s="137">
        <v>765495</v>
      </c>
      <c r="C27" s="137">
        <v>88994</v>
      </c>
      <c r="D27" s="137">
        <v>485190</v>
      </c>
      <c r="E27" s="865">
        <v>169376</v>
      </c>
      <c r="F27" s="890">
        <v>763923</v>
      </c>
      <c r="G27" s="137">
        <v>90745</v>
      </c>
      <c r="H27" s="137">
        <v>482611</v>
      </c>
      <c r="I27" s="865">
        <v>168632</v>
      </c>
      <c r="J27" s="619">
        <v>1572</v>
      </c>
      <c r="K27" s="620">
        <v>-1751</v>
      </c>
      <c r="L27" s="620">
        <v>2579</v>
      </c>
      <c r="M27" s="620">
        <v>744</v>
      </c>
      <c r="N27" s="613">
        <v>0.20577990190110781</v>
      </c>
      <c r="O27" s="613">
        <v>-1.9295828971293185</v>
      </c>
      <c r="P27" s="613">
        <v>0.53438483582015328</v>
      </c>
      <c r="Q27" s="614">
        <v>0.4411974002561791</v>
      </c>
      <c r="R27" s="615">
        <v>12</v>
      </c>
      <c r="S27" s="615">
        <v>65.3</v>
      </c>
      <c r="T27" s="616">
        <v>22.8</v>
      </c>
      <c r="U27" s="617">
        <v>45.3</v>
      </c>
      <c r="V27" s="618">
        <v>190.3</v>
      </c>
      <c r="W27" s="152"/>
      <c r="X27" s="621"/>
    </row>
    <row r="28" spans="1:24" ht="12.75" customHeight="1">
      <c r="A28" s="149" t="s">
        <v>349</v>
      </c>
      <c r="B28" s="140">
        <v>106453</v>
      </c>
      <c r="C28" s="140">
        <v>11244</v>
      </c>
      <c r="D28" s="140">
        <v>64603</v>
      </c>
      <c r="E28" s="866">
        <v>26005</v>
      </c>
      <c r="F28" s="163">
        <v>106718</v>
      </c>
      <c r="G28" s="140">
        <v>11581</v>
      </c>
      <c r="H28" s="140">
        <v>64365</v>
      </c>
      <c r="I28" s="866">
        <v>26171</v>
      </c>
      <c r="J28" s="180">
        <v>-265</v>
      </c>
      <c r="K28" s="181">
        <v>-337</v>
      </c>
      <c r="L28" s="181">
        <v>238</v>
      </c>
      <c r="M28" s="181">
        <v>-166</v>
      </c>
      <c r="N28" s="182">
        <v>-0.24831799696396112</v>
      </c>
      <c r="O28" s="182">
        <v>-2.9099386926862967</v>
      </c>
      <c r="P28" s="182">
        <v>0.36976617727025557</v>
      </c>
      <c r="Q28" s="184">
        <v>-0.63428986282526456</v>
      </c>
      <c r="R28" s="144">
        <v>11</v>
      </c>
      <c r="S28" s="144">
        <v>63.4</v>
      </c>
      <c r="T28" s="145">
        <v>25.5</v>
      </c>
      <c r="U28" s="187">
        <v>46.76</v>
      </c>
      <c r="V28" s="185">
        <v>231.3</v>
      </c>
      <c r="W28" s="146"/>
    </row>
    <row r="29" spans="1:24" ht="12.75" customHeight="1">
      <c r="A29" s="149" t="s">
        <v>350</v>
      </c>
      <c r="B29" s="140">
        <v>84900</v>
      </c>
      <c r="C29" s="140">
        <v>11037</v>
      </c>
      <c r="D29" s="140">
        <v>51985</v>
      </c>
      <c r="E29" s="866">
        <v>20671</v>
      </c>
      <c r="F29" s="163">
        <v>84739</v>
      </c>
      <c r="G29" s="140">
        <v>11185</v>
      </c>
      <c r="H29" s="140">
        <v>51649</v>
      </c>
      <c r="I29" s="866">
        <v>20698</v>
      </c>
      <c r="J29" s="180">
        <v>161</v>
      </c>
      <c r="K29" s="181">
        <v>-148</v>
      </c>
      <c r="L29" s="181">
        <v>336</v>
      </c>
      <c r="M29" s="181">
        <v>-27</v>
      </c>
      <c r="N29" s="182">
        <v>0.18999516161389679</v>
      </c>
      <c r="O29" s="182">
        <v>-1.3232007152436298</v>
      </c>
      <c r="P29" s="182">
        <v>0.65054502507308942</v>
      </c>
      <c r="Q29" s="184">
        <v>-0.13044738622089092</v>
      </c>
      <c r="R29" s="144">
        <v>13.2</v>
      </c>
      <c r="S29" s="144">
        <v>62.1</v>
      </c>
      <c r="T29" s="145">
        <v>24.7</v>
      </c>
      <c r="U29" s="187">
        <v>45.78</v>
      </c>
      <c r="V29" s="185">
        <v>187.3</v>
      </c>
      <c r="W29" s="146"/>
    </row>
    <row r="30" spans="1:24" ht="12.75" customHeight="1">
      <c r="A30" s="149" t="s">
        <v>351</v>
      </c>
      <c r="B30" s="140">
        <v>131211</v>
      </c>
      <c r="C30" s="140">
        <v>16166</v>
      </c>
      <c r="D30" s="140">
        <v>89889</v>
      </c>
      <c r="E30" s="866">
        <v>22266</v>
      </c>
      <c r="F30" s="163">
        <v>130443</v>
      </c>
      <c r="G30" s="140">
        <v>16416</v>
      </c>
      <c r="H30" s="140">
        <v>88988</v>
      </c>
      <c r="I30" s="866">
        <v>22149</v>
      </c>
      <c r="J30" s="180">
        <v>768</v>
      </c>
      <c r="K30" s="181">
        <v>-250</v>
      </c>
      <c r="L30" s="181">
        <v>901</v>
      </c>
      <c r="M30" s="181">
        <v>117</v>
      </c>
      <c r="N30" s="182">
        <v>0.58876290793679997</v>
      </c>
      <c r="O30" s="182">
        <v>-1.5229044834307992</v>
      </c>
      <c r="P30" s="182">
        <v>1.0124960668854228</v>
      </c>
      <c r="Q30" s="184">
        <v>0.52824055262088576</v>
      </c>
      <c r="R30" s="144">
        <v>12.6</v>
      </c>
      <c r="S30" s="144">
        <v>70.099999999999994</v>
      </c>
      <c r="T30" s="145">
        <v>17.399999999999999</v>
      </c>
      <c r="U30" s="187">
        <v>42.5</v>
      </c>
      <c r="V30" s="185">
        <v>137.69999999999999</v>
      </c>
      <c r="W30" s="146"/>
    </row>
    <row r="31" spans="1:24" ht="12.75" customHeight="1">
      <c r="A31" s="149" t="s">
        <v>352</v>
      </c>
      <c r="B31" s="140">
        <v>118175</v>
      </c>
      <c r="C31" s="140">
        <v>13747</v>
      </c>
      <c r="D31" s="140">
        <v>75623</v>
      </c>
      <c r="E31" s="866">
        <v>24771</v>
      </c>
      <c r="F31" s="163">
        <v>118221</v>
      </c>
      <c r="G31" s="140">
        <v>14076</v>
      </c>
      <c r="H31" s="140">
        <v>75552</v>
      </c>
      <c r="I31" s="866">
        <v>24559</v>
      </c>
      <c r="J31" s="180">
        <v>-46</v>
      </c>
      <c r="K31" s="181">
        <v>-329</v>
      </c>
      <c r="L31" s="181">
        <v>71</v>
      </c>
      <c r="M31" s="181">
        <v>212</v>
      </c>
      <c r="N31" s="182">
        <v>-3.8910176702954637E-2</v>
      </c>
      <c r="O31" s="182">
        <v>-2.3373117362887186</v>
      </c>
      <c r="P31" s="182">
        <v>9.3975010588733587E-2</v>
      </c>
      <c r="Q31" s="184">
        <v>0.86322733010301722</v>
      </c>
      <c r="R31" s="144">
        <v>12</v>
      </c>
      <c r="S31" s="144">
        <v>66.3</v>
      </c>
      <c r="T31" s="145">
        <v>21.7</v>
      </c>
      <c r="U31" s="187">
        <v>44.79</v>
      </c>
      <c r="V31" s="185">
        <v>180.2</v>
      </c>
      <c r="W31" s="146"/>
    </row>
    <row r="32" spans="1:24" ht="12.75" customHeight="1">
      <c r="A32" s="149" t="s">
        <v>353</v>
      </c>
      <c r="B32" s="140">
        <v>110070</v>
      </c>
      <c r="C32" s="140">
        <v>11201</v>
      </c>
      <c r="D32" s="140">
        <v>71059</v>
      </c>
      <c r="E32" s="866">
        <v>24163</v>
      </c>
      <c r="F32" s="163">
        <v>109476</v>
      </c>
      <c r="G32" s="140">
        <v>11320</v>
      </c>
      <c r="H32" s="140">
        <v>70439</v>
      </c>
      <c r="I32" s="866">
        <v>24070</v>
      </c>
      <c r="J32" s="180">
        <v>594</v>
      </c>
      <c r="K32" s="181">
        <v>-119</v>
      </c>
      <c r="L32" s="181">
        <v>620</v>
      </c>
      <c r="M32" s="181">
        <v>93</v>
      </c>
      <c r="N32" s="182">
        <v>0.54258467609339034</v>
      </c>
      <c r="O32" s="182">
        <v>-1.0512367491166079</v>
      </c>
      <c r="P32" s="182">
        <v>0.88019421059356318</v>
      </c>
      <c r="Q32" s="184">
        <v>0.38637307852098046</v>
      </c>
      <c r="R32" s="144">
        <v>10.5</v>
      </c>
      <c r="S32" s="144">
        <v>66.8</v>
      </c>
      <c r="T32" s="145">
        <v>22.7</v>
      </c>
      <c r="U32" s="187">
        <v>45.12</v>
      </c>
      <c r="V32" s="185">
        <v>215.7</v>
      </c>
      <c r="W32" s="146"/>
    </row>
    <row r="33" spans="1:23" ht="12.75" customHeight="1">
      <c r="A33" s="149" t="s">
        <v>354</v>
      </c>
      <c r="B33" s="140">
        <v>121158</v>
      </c>
      <c r="C33" s="140">
        <v>14962</v>
      </c>
      <c r="D33" s="140">
        <v>75241</v>
      </c>
      <c r="E33" s="866">
        <v>26903</v>
      </c>
      <c r="F33" s="163">
        <v>120773</v>
      </c>
      <c r="G33" s="140">
        <v>15237</v>
      </c>
      <c r="H33" s="140">
        <v>74838</v>
      </c>
      <c r="I33" s="866">
        <v>26646</v>
      </c>
      <c r="J33" s="180">
        <v>385</v>
      </c>
      <c r="K33" s="181">
        <v>-275</v>
      </c>
      <c r="L33" s="181">
        <v>403</v>
      </c>
      <c r="M33" s="181">
        <v>257</v>
      </c>
      <c r="N33" s="182">
        <v>0.31877985973686174</v>
      </c>
      <c r="O33" s="182">
        <v>-1.8048172212377767</v>
      </c>
      <c r="P33" s="182">
        <v>0.53849648574253717</v>
      </c>
      <c r="Q33" s="184">
        <v>0.96449748555130221</v>
      </c>
      <c r="R33" s="144">
        <v>12.8</v>
      </c>
      <c r="S33" s="144">
        <v>64.3</v>
      </c>
      <c r="T33" s="145">
        <v>23</v>
      </c>
      <c r="U33" s="187">
        <v>45.65</v>
      </c>
      <c r="V33" s="185">
        <v>179.8</v>
      </c>
      <c r="W33" s="146"/>
    </row>
    <row r="34" spans="1:23" ht="12.75" customHeight="1">
      <c r="A34" s="149" t="s">
        <v>355</v>
      </c>
      <c r="B34" s="140">
        <v>93528</v>
      </c>
      <c r="C34" s="140">
        <v>10637</v>
      </c>
      <c r="D34" s="140">
        <v>56790</v>
      </c>
      <c r="E34" s="866">
        <v>24597</v>
      </c>
      <c r="F34" s="163">
        <v>93553</v>
      </c>
      <c r="G34" s="140">
        <v>10930</v>
      </c>
      <c r="H34" s="140">
        <v>56780</v>
      </c>
      <c r="I34" s="866">
        <v>24339</v>
      </c>
      <c r="J34" s="180">
        <v>-25</v>
      </c>
      <c r="K34" s="181">
        <v>-293</v>
      </c>
      <c r="L34" s="181">
        <v>10</v>
      </c>
      <c r="M34" s="181">
        <v>258</v>
      </c>
      <c r="N34" s="182">
        <v>-2.6722820219554692E-2</v>
      </c>
      <c r="O34" s="182">
        <v>-2.6806953339432753</v>
      </c>
      <c r="P34" s="182">
        <v>1.7611835153222965E-2</v>
      </c>
      <c r="Q34" s="184">
        <v>1.0600271169727598</v>
      </c>
      <c r="R34" s="144">
        <v>11.6</v>
      </c>
      <c r="S34" s="144">
        <v>61.7</v>
      </c>
      <c r="T34" s="145">
        <v>26.7</v>
      </c>
      <c r="U34" s="187">
        <v>47.54</v>
      </c>
      <c r="V34" s="185">
        <v>231.2</v>
      </c>
      <c r="W34" s="146"/>
    </row>
    <row r="35" spans="1:23" ht="9" customHeight="1">
      <c r="A35" s="173"/>
      <c r="B35" s="140"/>
      <c r="C35" s="140"/>
      <c r="D35" s="140"/>
      <c r="E35" s="866"/>
      <c r="F35" s="891"/>
      <c r="G35" s="892"/>
      <c r="H35" s="892"/>
      <c r="I35" s="893"/>
      <c r="J35" s="180"/>
      <c r="K35" s="181"/>
      <c r="L35" s="181"/>
      <c r="M35" s="181"/>
      <c r="N35" s="182"/>
      <c r="O35" s="183"/>
      <c r="P35" s="183"/>
      <c r="Q35" s="184"/>
      <c r="R35" s="144"/>
      <c r="S35" s="144"/>
      <c r="T35" s="145"/>
      <c r="U35" s="187"/>
      <c r="V35" s="185"/>
      <c r="W35" s="146"/>
    </row>
    <row r="36" spans="1:23" ht="12.75" customHeight="1">
      <c r="A36" s="189" t="s">
        <v>356</v>
      </c>
      <c r="B36" s="137">
        <v>349474</v>
      </c>
      <c r="C36" s="137">
        <v>34147</v>
      </c>
      <c r="D36" s="137">
        <v>188364</v>
      </c>
      <c r="E36" s="865">
        <v>125078</v>
      </c>
      <c r="F36" s="890">
        <v>352431</v>
      </c>
      <c r="G36" s="137">
        <v>35088</v>
      </c>
      <c r="H36" s="137">
        <v>189582</v>
      </c>
      <c r="I36" s="865">
        <v>125876</v>
      </c>
      <c r="J36" s="619">
        <v>-2957</v>
      </c>
      <c r="K36" s="620">
        <v>-941</v>
      </c>
      <c r="L36" s="620">
        <v>-1218</v>
      </c>
      <c r="M36" s="620">
        <v>-798</v>
      </c>
      <c r="N36" s="613">
        <v>-0.83902948378547848</v>
      </c>
      <c r="O36" s="613">
        <v>-2.6818285453716371</v>
      </c>
      <c r="P36" s="613">
        <v>-0.6424660569041365</v>
      </c>
      <c r="Q36" s="614">
        <v>-0.63395722774794239</v>
      </c>
      <c r="R36" s="615">
        <v>9.8000000000000007</v>
      </c>
      <c r="S36" s="615">
        <v>54.2</v>
      </c>
      <c r="T36" s="616">
        <v>36</v>
      </c>
      <c r="U36" s="617">
        <v>52.45</v>
      </c>
      <c r="V36" s="618">
        <v>366.3</v>
      </c>
      <c r="W36" s="138"/>
    </row>
    <row r="37" spans="1:23" ht="12.75" customHeight="1">
      <c r="A37" s="173" t="s">
        <v>357</v>
      </c>
      <c r="B37" s="140">
        <v>190132</v>
      </c>
      <c r="C37" s="140">
        <v>18481</v>
      </c>
      <c r="D37" s="140">
        <v>102283</v>
      </c>
      <c r="E37" s="866">
        <v>69116</v>
      </c>
      <c r="F37" s="163">
        <v>192266</v>
      </c>
      <c r="G37" s="140">
        <v>19083</v>
      </c>
      <c r="H37" s="140">
        <v>103449</v>
      </c>
      <c r="I37" s="866">
        <v>69482</v>
      </c>
      <c r="J37" s="180">
        <v>-2134</v>
      </c>
      <c r="K37" s="181">
        <v>-602</v>
      </c>
      <c r="L37" s="181">
        <v>-1166</v>
      </c>
      <c r="M37" s="181">
        <v>-366</v>
      </c>
      <c r="N37" s="182">
        <v>-1.1099206307927558</v>
      </c>
      <c r="O37" s="182">
        <v>-3.1546402557249906</v>
      </c>
      <c r="P37" s="182">
        <v>-1.1271254434552291</v>
      </c>
      <c r="Q37" s="184">
        <v>-0.52675513082524972</v>
      </c>
      <c r="R37" s="144">
        <v>9.6999999999999993</v>
      </c>
      <c r="S37" s="144">
        <v>53.9</v>
      </c>
      <c r="T37" s="145">
        <v>36.4</v>
      </c>
      <c r="U37" s="187">
        <v>52.3</v>
      </c>
      <c r="V37" s="185">
        <v>374</v>
      </c>
      <c r="W37" s="146"/>
    </row>
    <row r="38" spans="1:23" ht="12.75" customHeight="1">
      <c r="A38" s="173" t="s">
        <v>358</v>
      </c>
      <c r="B38" s="140">
        <v>91301</v>
      </c>
      <c r="C38" s="140">
        <v>9200</v>
      </c>
      <c r="D38" s="140">
        <v>51131</v>
      </c>
      <c r="E38" s="866">
        <v>30451</v>
      </c>
      <c r="F38" s="163">
        <v>91609</v>
      </c>
      <c r="G38" s="140">
        <v>9400</v>
      </c>
      <c r="H38" s="140">
        <v>50951</v>
      </c>
      <c r="I38" s="866">
        <v>30739</v>
      </c>
      <c r="J38" s="180">
        <v>-308</v>
      </c>
      <c r="K38" s="181">
        <v>-200</v>
      </c>
      <c r="L38" s="181">
        <v>180</v>
      </c>
      <c r="M38" s="181">
        <v>-288</v>
      </c>
      <c r="N38" s="182">
        <v>-0.33621150760296475</v>
      </c>
      <c r="O38" s="182">
        <v>-2.1276595744680851</v>
      </c>
      <c r="P38" s="182">
        <v>0.35328060293222902</v>
      </c>
      <c r="Q38" s="184">
        <v>-0.93692052441523788</v>
      </c>
      <c r="R38" s="144">
        <v>10.1</v>
      </c>
      <c r="S38" s="144">
        <v>56.3</v>
      </c>
      <c r="T38" s="145">
        <v>33.5</v>
      </c>
      <c r="U38" s="187">
        <v>51.75</v>
      </c>
      <c r="V38" s="185">
        <v>331</v>
      </c>
      <c r="W38" s="146"/>
    </row>
    <row r="39" spans="1:23" ht="12.75" customHeight="1">
      <c r="A39" s="173" t="s">
        <v>359</v>
      </c>
      <c r="B39" s="140">
        <v>30052</v>
      </c>
      <c r="C39" s="140">
        <v>3041</v>
      </c>
      <c r="D39" s="140">
        <v>16016</v>
      </c>
      <c r="E39" s="866">
        <v>10191</v>
      </c>
      <c r="F39" s="163">
        <v>30215</v>
      </c>
      <c r="G39" s="140">
        <v>3053</v>
      </c>
      <c r="H39" s="140">
        <v>16082</v>
      </c>
      <c r="I39" s="866">
        <v>10276</v>
      </c>
      <c r="J39" s="180">
        <v>-163</v>
      </c>
      <c r="K39" s="181">
        <v>-12</v>
      </c>
      <c r="L39" s="181">
        <v>-66</v>
      </c>
      <c r="M39" s="181">
        <v>-85</v>
      </c>
      <c r="N39" s="182">
        <v>-0.53946715207678309</v>
      </c>
      <c r="O39" s="182">
        <v>-0.39305601048149358</v>
      </c>
      <c r="P39" s="182">
        <v>-0.41039671682626538</v>
      </c>
      <c r="Q39" s="184">
        <v>-0.82717010509926037</v>
      </c>
      <c r="R39" s="144">
        <v>10.4</v>
      </c>
      <c r="S39" s="144">
        <v>54.8</v>
      </c>
      <c r="T39" s="145">
        <v>34.799999999999997</v>
      </c>
      <c r="U39" s="187">
        <v>52.4</v>
      </c>
      <c r="V39" s="185">
        <v>335.1</v>
      </c>
      <c r="W39" s="146"/>
    </row>
    <row r="40" spans="1:23" ht="12.75" customHeight="1">
      <c r="A40" s="173" t="s">
        <v>360</v>
      </c>
      <c r="B40" s="140">
        <v>21323</v>
      </c>
      <c r="C40" s="140">
        <v>1567</v>
      </c>
      <c r="D40" s="140">
        <v>10081</v>
      </c>
      <c r="E40" s="866">
        <v>9568</v>
      </c>
      <c r="F40" s="163">
        <v>21562</v>
      </c>
      <c r="G40" s="140">
        <v>1638</v>
      </c>
      <c r="H40" s="140">
        <v>10236</v>
      </c>
      <c r="I40" s="866">
        <v>9581</v>
      </c>
      <c r="J40" s="180">
        <v>-239</v>
      </c>
      <c r="K40" s="181">
        <v>-71</v>
      </c>
      <c r="L40" s="181">
        <v>-155</v>
      </c>
      <c r="M40" s="181">
        <v>-13</v>
      </c>
      <c r="N40" s="182">
        <v>-1.1084314998608664</v>
      </c>
      <c r="O40" s="182">
        <v>-4.3345543345543343</v>
      </c>
      <c r="P40" s="182">
        <v>-1.5142633841344275</v>
      </c>
      <c r="Q40" s="184">
        <v>-0.13568521031207598</v>
      </c>
      <c r="R40" s="144">
        <v>7.4</v>
      </c>
      <c r="S40" s="144">
        <v>47.5</v>
      </c>
      <c r="T40" s="145">
        <v>45.1</v>
      </c>
      <c r="U40" s="187">
        <v>56.95</v>
      </c>
      <c r="V40" s="185">
        <v>610.6</v>
      </c>
      <c r="W40" s="146"/>
    </row>
    <row r="41" spans="1:23" ht="12.75" customHeight="1">
      <c r="A41" s="173" t="s">
        <v>361</v>
      </c>
      <c r="B41" s="140">
        <v>16666</v>
      </c>
      <c r="C41" s="140">
        <v>1858</v>
      </c>
      <c r="D41" s="140">
        <v>8853</v>
      </c>
      <c r="E41" s="866">
        <v>5752</v>
      </c>
      <c r="F41" s="163">
        <v>16779</v>
      </c>
      <c r="G41" s="140">
        <v>1914</v>
      </c>
      <c r="H41" s="140">
        <v>8864</v>
      </c>
      <c r="I41" s="866">
        <v>5798</v>
      </c>
      <c r="J41" s="180">
        <v>-113</v>
      </c>
      <c r="K41" s="181">
        <v>-56</v>
      </c>
      <c r="L41" s="181">
        <v>-11</v>
      </c>
      <c r="M41" s="181">
        <v>-46</v>
      </c>
      <c r="N41" s="182">
        <v>-0.67346087371118657</v>
      </c>
      <c r="O41" s="182">
        <v>-2.9258098223615465</v>
      </c>
      <c r="P41" s="182">
        <v>-0.12409747292418773</v>
      </c>
      <c r="Q41" s="184">
        <v>-0.79337702656088294</v>
      </c>
      <c r="R41" s="144">
        <v>11.3</v>
      </c>
      <c r="S41" s="144">
        <v>53.8</v>
      </c>
      <c r="T41" s="145">
        <v>34.9</v>
      </c>
      <c r="U41" s="187">
        <v>52.23</v>
      </c>
      <c r="V41" s="185">
        <v>309.60000000000002</v>
      </c>
      <c r="W41" s="146"/>
    </row>
    <row r="42" spans="1:23" ht="9" customHeight="1">
      <c r="A42" s="173"/>
      <c r="B42" s="140"/>
      <c r="C42" s="140"/>
      <c r="D42" s="140"/>
      <c r="E42" s="866"/>
      <c r="F42" s="891"/>
      <c r="G42" s="892"/>
      <c r="H42" s="892"/>
      <c r="I42" s="893"/>
      <c r="J42" s="180"/>
      <c r="K42" s="181"/>
      <c r="L42" s="181"/>
      <c r="M42" s="181"/>
      <c r="N42" s="182"/>
      <c r="O42" s="183"/>
      <c r="P42" s="183"/>
      <c r="Q42" s="184"/>
      <c r="R42" s="144"/>
      <c r="S42" s="144"/>
      <c r="T42" s="145"/>
      <c r="U42" s="187"/>
      <c r="V42" s="185"/>
      <c r="W42" s="146"/>
    </row>
    <row r="43" spans="1:23" ht="12.75" customHeight="1">
      <c r="A43" s="189" t="s">
        <v>362</v>
      </c>
      <c r="B43" s="137">
        <v>792444</v>
      </c>
      <c r="C43" s="137">
        <v>88047</v>
      </c>
      <c r="D43" s="137">
        <v>461742</v>
      </c>
      <c r="E43" s="865">
        <v>224391</v>
      </c>
      <c r="F43" s="890">
        <v>789977</v>
      </c>
      <c r="G43" s="137">
        <v>89206</v>
      </c>
      <c r="H43" s="137">
        <v>459203</v>
      </c>
      <c r="I43" s="865">
        <v>223304</v>
      </c>
      <c r="J43" s="619">
        <v>2467</v>
      </c>
      <c r="K43" s="620">
        <v>-1159</v>
      </c>
      <c r="L43" s="620">
        <v>2539</v>
      </c>
      <c r="M43" s="620">
        <v>1087</v>
      </c>
      <c r="N43" s="613">
        <v>0.31228757292933845</v>
      </c>
      <c r="O43" s="613">
        <v>-1.2992399614375716</v>
      </c>
      <c r="P43" s="613">
        <v>0.55291450622056049</v>
      </c>
      <c r="Q43" s="614">
        <v>0.48678035324042568</v>
      </c>
      <c r="R43" s="615">
        <v>11.4</v>
      </c>
      <c r="S43" s="615">
        <v>59.6</v>
      </c>
      <c r="T43" s="616">
        <v>29</v>
      </c>
      <c r="U43" s="617">
        <v>48.22</v>
      </c>
      <c r="V43" s="618">
        <v>254.9</v>
      </c>
      <c r="W43" s="138"/>
    </row>
    <row r="44" spans="1:23" ht="12.75" customHeight="1">
      <c r="A44" s="173" t="s">
        <v>363</v>
      </c>
      <c r="B44" s="140">
        <v>364456</v>
      </c>
      <c r="C44" s="140">
        <v>38719</v>
      </c>
      <c r="D44" s="140">
        <v>211858</v>
      </c>
      <c r="E44" s="866">
        <v>103561</v>
      </c>
      <c r="F44" s="163">
        <v>364138</v>
      </c>
      <c r="G44" s="140">
        <v>39465</v>
      </c>
      <c r="H44" s="140">
        <v>211324</v>
      </c>
      <c r="I44" s="866">
        <v>103031</v>
      </c>
      <c r="J44" s="180">
        <v>318</v>
      </c>
      <c r="K44" s="181">
        <v>-746</v>
      </c>
      <c r="L44" s="181">
        <v>534</v>
      </c>
      <c r="M44" s="181">
        <v>530</v>
      </c>
      <c r="N44" s="182">
        <v>8.7329528914861954E-2</v>
      </c>
      <c r="O44" s="182">
        <v>-1.8902825288230076</v>
      </c>
      <c r="P44" s="182">
        <v>0.25269254793587098</v>
      </c>
      <c r="Q44" s="184">
        <v>0.51440828488513168</v>
      </c>
      <c r="R44" s="144">
        <v>10.9</v>
      </c>
      <c r="S44" s="144">
        <v>59.8</v>
      </c>
      <c r="T44" s="145">
        <v>29.2</v>
      </c>
      <c r="U44" s="187">
        <v>48.46</v>
      </c>
      <c r="V44" s="185">
        <v>267.5</v>
      </c>
      <c r="W44" s="146"/>
    </row>
    <row r="45" spans="1:23" ht="12.75" customHeight="1">
      <c r="A45" s="149" t="s">
        <v>342</v>
      </c>
      <c r="B45" s="140">
        <v>83914</v>
      </c>
      <c r="C45" s="140">
        <v>8716</v>
      </c>
      <c r="D45" s="140">
        <v>47331</v>
      </c>
      <c r="E45" s="866">
        <v>26091</v>
      </c>
      <c r="F45" s="163">
        <v>84340</v>
      </c>
      <c r="G45" s="140">
        <v>8999</v>
      </c>
      <c r="H45" s="140">
        <v>47523</v>
      </c>
      <c r="I45" s="866">
        <v>26042</v>
      </c>
      <c r="J45" s="180">
        <v>-426</v>
      </c>
      <c r="K45" s="181">
        <v>-283</v>
      </c>
      <c r="L45" s="181">
        <v>-192</v>
      </c>
      <c r="M45" s="181">
        <v>49</v>
      </c>
      <c r="N45" s="182">
        <v>-0.50509841119279109</v>
      </c>
      <c r="O45" s="182">
        <v>-3.1447938659851093</v>
      </c>
      <c r="P45" s="182">
        <v>-0.40401489804936552</v>
      </c>
      <c r="Q45" s="184">
        <v>0.18815759158282774</v>
      </c>
      <c r="R45" s="144">
        <v>10.6</v>
      </c>
      <c r="S45" s="144">
        <v>57.6</v>
      </c>
      <c r="T45" s="145">
        <v>31.8</v>
      </c>
      <c r="U45" s="187">
        <v>49.48</v>
      </c>
      <c r="V45" s="185">
        <v>299.3</v>
      </c>
      <c r="W45" s="146"/>
    </row>
    <row r="46" spans="1:23" ht="12.75" customHeight="1">
      <c r="A46" s="149" t="s">
        <v>364</v>
      </c>
      <c r="B46" s="140">
        <v>137393</v>
      </c>
      <c r="C46" s="140">
        <v>15134</v>
      </c>
      <c r="D46" s="140">
        <v>80363</v>
      </c>
      <c r="E46" s="866">
        <v>37366</v>
      </c>
      <c r="F46" s="163">
        <v>137092</v>
      </c>
      <c r="G46" s="140">
        <v>15414</v>
      </c>
      <c r="H46" s="140">
        <v>80077</v>
      </c>
      <c r="I46" s="866">
        <v>37071</v>
      </c>
      <c r="J46" s="180">
        <v>301</v>
      </c>
      <c r="K46" s="181">
        <v>-280</v>
      </c>
      <c r="L46" s="181">
        <v>286</v>
      </c>
      <c r="M46" s="181">
        <v>295</v>
      </c>
      <c r="N46" s="182">
        <v>0.21956058705103143</v>
      </c>
      <c r="O46" s="182">
        <v>-1.8165304268846505</v>
      </c>
      <c r="P46" s="182">
        <v>0.35715623712177025</v>
      </c>
      <c r="Q46" s="184">
        <v>0.79577027865447381</v>
      </c>
      <c r="R46" s="144">
        <v>11.4</v>
      </c>
      <c r="S46" s="144">
        <v>60.5</v>
      </c>
      <c r="T46" s="145">
        <v>28.1</v>
      </c>
      <c r="U46" s="187">
        <v>47.89</v>
      </c>
      <c r="V46" s="185">
        <v>246.9</v>
      </c>
      <c r="W46" s="146"/>
    </row>
    <row r="47" spans="1:23" ht="12.75" customHeight="1">
      <c r="A47" s="149" t="s">
        <v>334</v>
      </c>
      <c r="B47" s="140">
        <v>143149</v>
      </c>
      <c r="C47" s="140">
        <v>14869</v>
      </c>
      <c r="D47" s="140">
        <v>84164</v>
      </c>
      <c r="E47" s="866">
        <v>40104</v>
      </c>
      <c r="F47" s="163">
        <v>142706</v>
      </c>
      <c r="G47" s="140">
        <v>15052</v>
      </c>
      <c r="H47" s="140">
        <v>83724</v>
      </c>
      <c r="I47" s="866">
        <v>39918</v>
      </c>
      <c r="J47" s="180">
        <v>443</v>
      </c>
      <c r="K47" s="181">
        <v>-183</v>
      </c>
      <c r="L47" s="181">
        <v>440</v>
      </c>
      <c r="M47" s="181">
        <v>186</v>
      </c>
      <c r="N47" s="182">
        <v>0.31042843328241276</v>
      </c>
      <c r="O47" s="182">
        <v>-1.2157852777039597</v>
      </c>
      <c r="P47" s="182">
        <v>0.52553628589173951</v>
      </c>
      <c r="Q47" s="184">
        <v>0.46595520817676239</v>
      </c>
      <c r="R47" s="144">
        <v>10.7</v>
      </c>
      <c r="S47" s="144">
        <v>60.5</v>
      </c>
      <c r="T47" s="145">
        <v>28.8</v>
      </c>
      <c r="U47" s="187">
        <v>48.41</v>
      </c>
      <c r="V47" s="185">
        <v>269.7</v>
      </c>
      <c r="W47" s="146"/>
    </row>
    <row r="48" spans="1:23" ht="12.75" customHeight="1">
      <c r="A48" s="173" t="s">
        <v>365</v>
      </c>
      <c r="B48" s="140">
        <v>108706</v>
      </c>
      <c r="C48" s="140">
        <v>12136</v>
      </c>
      <c r="D48" s="140">
        <v>63308</v>
      </c>
      <c r="E48" s="866">
        <v>31637</v>
      </c>
      <c r="F48" s="163">
        <v>108390</v>
      </c>
      <c r="G48" s="140">
        <v>12385</v>
      </c>
      <c r="H48" s="140">
        <v>62919</v>
      </c>
      <c r="I48" s="866">
        <v>31461</v>
      </c>
      <c r="J48" s="180">
        <v>316</v>
      </c>
      <c r="K48" s="181">
        <v>-249</v>
      </c>
      <c r="L48" s="181">
        <v>389</v>
      </c>
      <c r="M48" s="181">
        <v>176</v>
      </c>
      <c r="N48" s="182">
        <v>0.29153980994556694</v>
      </c>
      <c r="O48" s="182">
        <v>-2.0104965684295517</v>
      </c>
      <c r="P48" s="182">
        <v>0.61825521702506403</v>
      </c>
      <c r="Q48" s="184">
        <v>0.55942277740694835</v>
      </c>
      <c r="R48" s="144">
        <v>11.3</v>
      </c>
      <c r="S48" s="144">
        <v>59.1</v>
      </c>
      <c r="T48" s="145">
        <v>29.5</v>
      </c>
      <c r="U48" s="187">
        <v>48.28</v>
      </c>
      <c r="V48" s="185">
        <v>260.7</v>
      </c>
      <c r="W48" s="146"/>
    </row>
    <row r="49" spans="1:23" ht="12.75" customHeight="1">
      <c r="A49" s="173" t="s">
        <v>366</v>
      </c>
      <c r="B49" s="140">
        <v>121947</v>
      </c>
      <c r="C49" s="140">
        <v>14376</v>
      </c>
      <c r="D49" s="140">
        <v>72908</v>
      </c>
      <c r="E49" s="866">
        <v>31840</v>
      </c>
      <c r="F49" s="163">
        <v>121177</v>
      </c>
      <c r="G49" s="140">
        <v>14377</v>
      </c>
      <c r="H49" s="140">
        <v>72233</v>
      </c>
      <c r="I49" s="866">
        <v>31744</v>
      </c>
      <c r="J49" s="180">
        <v>770</v>
      </c>
      <c r="K49" s="181">
        <v>-1</v>
      </c>
      <c r="L49" s="181">
        <v>675</v>
      </c>
      <c r="M49" s="181">
        <v>96</v>
      </c>
      <c r="N49" s="182">
        <v>0.63543411703541108</v>
      </c>
      <c r="O49" s="182">
        <v>-6.9555540098768867E-3</v>
      </c>
      <c r="P49" s="182">
        <v>0.93447593205321666</v>
      </c>
      <c r="Q49" s="184">
        <v>0.30241935483870969</v>
      </c>
      <c r="R49" s="144">
        <v>12.1</v>
      </c>
      <c r="S49" s="144">
        <v>61.2</v>
      </c>
      <c r="T49" s="145">
        <v>26.7</v>
      </c>
      <c r="U49" s="187">
        <v>47.15</v>
      </c>
      <c r="V49" s="185">
        <v>221.5</v>
      </c>
      <c r="W49" s="146"/>
    </row>
    <row r="50" spans="1:23" ht="12.75" customHeight="1">
      <c r="A50" s="173" t="s">
        <v>367</v>
      </c>
      <c r="B50" s="140">
        <v>69491</v>
      </c>
      <c r="C50" s="140">
        <v>8555</v>
      </c>
      <c r="D50" s="140">
        <v>41167</v>
      </c>
      <c r="E50" s="866">
        <v>18907</v>
      </c>
      <c r="F50" s="163">
        <v>68431</v>
      </c>
      <c r="G50" s="140">
        <v>8485</v>
      </c>
      <c r="H50" s="140">
        <v>40406</v>
      </c>
      <c r="I50" s="866">
        <v>18678</v>
      </c>
      <c r="J50" s="180">
        <v>1060</v>
      </c>
      <c r="K50" s="181">
        <v>70</v>
      </c>
      <c r="L50" s="181">
        <v>761</v>
      </c>
      <c r="M50" s="181">
        <v>229</v>
      </c>
      <c r="N50" s="182">
        <v>1.5490055676520875</v>
      </c>
      <c r="O50" s="182">
        <v>0.82498526812021211</v>
      </c>
      <c r="P50" s="182">
        <v>1.8833836558926891</v>
      </c>
      <c r="Q50" s="184">
        <v>1.2260413320483992</v>
      </c>
      <c r="R50" s="144">
        <v>12.5</v>
      </c>
      <c r="S50" s="144">
        <v>60</v>
      </c>
      <c r="T50" s="145">
        <v>27.5</v>
      </c>
      <c r="U50" s="187">
        <v>47.19</v>
      </c>
      <c r="V50" s="185">
        <v>221</v>
      </c>
      <c r="W50" s="146"/>
    </row>
    <row r="51" spans="1:23" ht="12.75" customHeight="1">
      <c r="A51" s="173" t="s">
        <v>368</v>
      </c>
      <c r="B51" s="140">
        <v>66445</v>
      </c>
      <c r="C51" s="140">
        <v>7146</v>
      </c>
      <c r="D51" s="140">
        <v>38605</v>
      </c>
      <c r="E51" s="866">
        <v>18813</v>
      </c>
      <c r="F51" s="163">
        <v>66438</v>
      </c>
      <c r="G51" s="140">
        <v>7268</v>
      </c>
      <c r="H51" s="140">
        <v>38540</v>
      </c>
      <c r="I51" s="866">
        <v>18749</v>
      </c>
      <c r="J51" s="180">
        <v>7</v>
      </c>
      <c r="K51" s="181">
        <v>-122</v>
      </c>
      <c r="L51" s="181">
        <v>65</v>
      </c>
      <c r="M51" s="181">
        <v>64</v>
      </c>
      <c r="N51" s="182">
        <v>1.053613895662121E-2</v>
      </c>
      <c r="O51" s="182">
        <v>-1.6785910842047331</v>
      </c>
      <c r="P51" s="182">
        <v>0.16865594187856772</v>
      </c>
      <c r="Q51" s="184">
        <v>0.34135153874873325</v>
      </c>
      <c r="R51" s="144">
        <v>11.1</v>
      </c>
      <c r="S51" s="144">
        <v>59.8</v>
      </c>
      <c r="T51" s="145">
        <v>29.1</v>
      </c>
      <c r="U51" s="187">
        <v>48.81</v>
      </c>
      <c r="V51" s="185">
        <v>263.3</v>
      </c>
      <c r="W51" s="146"/>
    </row>
    <row r="52" spans="1:23" ht="12.75" customHeight="1">
      <c r="A52" s="173" t="s">
        <v>369</v>
      </c>
      <c r="B52" s="140">
        <v>41148</v>
      </c>
      <c r="C52" s="140">
        <v>5091</v>
      </c>
      <c r="D52" s="140">
        <v>22869</v>
      </c>
      <c r="E52" s="866">
        <v>12602</v>
      </c>
      <c r="F52" s="163">
        <v>41129</v>
      </c>
      <c r="G52" s="140">
        <v>5140</v>
      </c>
      <c r="H52" s="140">
        <v>22749</v>
      </c>
      <c r="I52" s="866">
        <v>12654</v>
      </c>
      <c r="J52" s="180">
        <v>19</v>
      </c>
      <c r="K52" s="181">
        <v>-49</v>
      </c>
      <c r="L52" s="181">
        <v>120</v>
      </c>
      <c r="M52" s="181">
        <v>-52</v>
      </c>
      <c r="N52" s="182">
        <v>4.6196114663619343E-2</v>
      </c>
      <c r="O52" s="182">
        <v>-0.953307392996109</v>
      </c>
      <c r="P52" s="182">
        <v>0.52749571409732299</v>
      </c>
      <c r="Q52" s="184">
        <v>-0.41093725304251622</v>
      </c>
      <c r="R52" s="144">
        <v>12.6</v>
      </c>
      <c r="S52" s="144">
        <v>56.4</v>
      </c>
      <c r="T52" s="145">
        <v>31.1</v>
      </c>
      <c r="U52" s="187">
        <v>48.53</v>
      </c>
      <c r="V52" s="185">
        <v>247.5</v>
      </c>
      <c r="W52" s="146"/>
    </row>
    <row r="53" spans="1:23" ht="12.75" customHeight="1">
      <c r="A53" s="173" t="s">
        <v>370</v>
      </c>
      <c r="B53" s="140">
        <v>18797</v>
      </c>
      <c r="C53" s="140">
        <v>1886</v>
      </c>
      <c r="D53" s="140">
        <v>10317</v>
      </c>
      <c r="E53" s="866">
        <v>6425</v>
      </c>
      <c r="F53" s="163">
        <v>18800</v>
      </c>
      <c r="G53" s="140">
        <v>1934</v>
      </c>
      <c r="H53" s="140">
        <v>10307</v>
      </c>
      <c r="I53" s="866">
        <v>6390</v>
      </c>
      <c r="J53" s="180">
        <v>-3</v>
      </c>
      <c r="K53" s="181">
        <v>-48</v>
      </c>
      <c r="L53" s="181">
        <v>10</v>
      </c>
      <c r="M53" s="181">
        <v>35</v>
      </c>
      <c r="N53" s="182">
        <v>-1.5957446808510637E-2</v>
      </c>
      <c r="O53" s="182">
        <v>-2.4819027921406409</v>
      </c>
      <c r="P53" s="182">
        <v>9.7021441738624231E-2</v>
      </c>
      <c r="Q53" s="184">
        <v>0.54773082942097029</v>
      </c>
      <c r="R53" s="144">
        <v>10.1</v>
      </c>
      <c r="S53" s="144">
        <v>55.4</v>
      </c>
      <c r="T53" s="145">
        <v>34.5</v>
      </c>
      <c r="U53" s="187">
        <v>50.82</v>
      </c>
      <c r="V53" s="185">
        <v>340.7</v>
      </c>
      <c r="W53" s="146"/>
    </row>
    <row r="54" spans="1:23" ht="12.75" customHeight="1">
      <c r="A54" s="173" t="s">
        <v>371</v>
      </c>
      <c r="B54" s="140">
        <v>1454</v>
      </c>
      <c r="C54" s="140">
        <v>138</v>
      </c>
      <c r="D54" s="140">
        <v>710</v>
      </c>
      <c r="E54" s="866">
        <v>606</v>
      </c>
      <c r="F54" s="163">
        <v>1474</v>
      </c>
      <c r="G54" s="140">
        <v>152</v>
      </c>
      <c r="H54" s="140">
        <v>725</v>
      </c>
      <c r="I54" s="866">
        <v>597</v>
      </c>
      <c r="J54" s="180">
        <v>-20</v>
      </c>
      <c r="K54" s="181">
        <v>-14</v>
      </c>
      <c r="L54" s="181">
        <v>-15</v>
      </c>
      <c r="M54" s="181">
        <v>9</v>
      </c>
      <c r="N54" s="182">
        <v>-1.3568521031207599</v>
      </c>
      <c r="O54" s="182">
        <v>-9.2105263157894726</v>
      </c>
      <c r="P54" s="182">
        <v>-2.0689655172413794</v>
      </c>
      <c r="Q54" s="184">
        <v>1.5075376884422109</v>
      </c>
      <c r="R54" s="144">
        <v>9.5</v>
      </c>
      <c r="S54" s="144">
        <v>48.8</v>
      </c>
      <c r="T54" s="145">
        <v>41.7</v>
      </c>
      <c r="U54" s="187">
        <v>54.69</v>
      </c>
      <c r="V54" s="185">
        <v>439.1</v>
      </c>
      <c r="W54" s="146"/>
    </row>
    <row r="55" spans="1:23" ht="9" customHeight="1">
      <c r="A55" s="173"/>
      <c r="B55" s="140"/>
      <c r="C55" s="140"/>
      <c r="D55" s="140"/>
      <c r="E55" s="866"/>
      <c r="F55" s="891"/>
      <c r="G55" s="892"/>
      <c r="H55" s="892"/>
      <c r="I55" s="893"/>
      <c r="J55" s="180"/>
      <c r="K55" s="181"/>
      <c r="L55" s="181"/>
      <c r="M55" s="181"/>
      <c r="N55" s="182"/>
      <c r="O55" s="183"/>
      <c r="P55" s="183"/>
      <c r="Q55" s="184"/>
      <c r="R55" s="144"/>
      <c r="S55" s="144"/>
      <c r="T55" s="145"/>
      <c r="U55" s="187"/>
      <c r="V55" s="185"/>
      <c r="W55" s="146"/>
    </row>
    <row r="56" spans="1:23" ht="12.75" customHeight="1">
      <c r="A56" s="189" t="s">
        <v>372</v>
      </c>
      <c r="B56" s="137">
        <v>664136</v>
      </c>
      <c r="C56" s="137">
        <v>75535</v>
      </c>
      <c r="D56" s="137">
        <v>381169</v>
      </c>
      <c r="E56" s="865">
        <v>198803</v>
      </c>
      <c r="F56" s="890">
        <v>662806</v>
      </c>
      <c r="G56" s="137">
        <v>76507</v>
      </c>
      <c r="H56" s="137">
        <v>379703</v>
      </c>
      <c r="I56" s="865">
        <v>197967</v>
      </c>
      <c r="J56" s="619">
        <v>1330</v>
      </c>
      <c r="K56" s="620">
        <v>-972</v>
      </c>
      <c r="L56" s="620">
        <v>1466</v>
      </c>
      <c r="M56" s="620">
        <v>836</v>
      </c>
      <c r="N56" s="613">
        <v>0.20066203383795558</v>
      </c>
      <c r="O56" s="613">
        <v>-1.270471982955808</v>
      </c>
      <c r="P56" s="613">
        <v>0.38609123446483168</v>
      </c>
      <c r="Q56" s="614">
        <v>0.42229260432294269</v>
      </c>
      <c r="R56" s="615">
        <v>11.5</v>
      </c>
      <c r="S56" s="615">
        <v>58.1</v>
      </c>
      <c r="T56" s="616">
        <v>30.3</v>
      </c>
      <c r="U56" s="617">
        <v>49.07</v>
      </c>
      <c r="V56" s="618">
        <v>263.2</v>
      </c>
      <c r="W56" s="138"/>
    </row>
    <row r="57" spans="1:23" ht="12.75" customHeight="1">
      <c r="A57" s="173" t="s">
        <v>373</v>
      </c>
      <c r="B57" s="140">
        <v>129111</v>
      </c>
      <c r="C57" s="140">
        <v>13695</v>
      </c>
      <c r="D57" s="140">
        <v>72650</v>
      </c>
      <c r="E57" s="866">
        <v>40602</v>
      </c>
      <c r="F57" s="163">
        <v>129058</v>
      </c>
      <c r="G57" s="140">
        <v>13893</v>
      </c>
      <c r="H57" s="140">
        <v>72644</v>
      </c>
      <c r="I57" s="866">
        <v>40357</v>
      </c>
      <c r="J57" s="180">
        <v>53</v>
      </c>
      <c r="K57" s="181">
        <v>-198</v>
      </c>
      <c r="L57" s="181">
        <v>6</v>
      </c>
      <c r="M57" s="181">
        <v>245</v>
      </c>
      <c r="N57" s="141">
        <v>4.1066807171969193E-2</v>
      </c>
      <c r="O57" s="141">
        <v>-1.4251781472684086</v>
      </c>
      <c r="P57" s="141">
        <v>8.2594570783547164E-3</v>
      </c>
      <c r="Q57" s="143">
        <v>0.6070817949798053</v>
      </c>
      <c r="R57" s="144">
        <v>10.8</v>
      </c>
      <c r="S57" s="144">
        <v>57.2</v>
      </c>
      <c r="T57" s="145">
        <v>32</v>
      </c>
      <c r="U57" s="187">
        <v>49.96</v>
      </c>
      <c r="V57" s="185">
        <v>296.5</v>
      </c>
      <c r="W57" s="146"/>
    </row>
    <row r="58" spans="1:23" ht="12.75" customHeight="1">
      <c r="A58" s="173" t="s">
        <v>374</v>
      </c>
      <c r="B58" s="140">
        <v>224849</v>
      </c>
      <c r="C58" s="140">
        <v>27453</v>
      </c>
      <c r="D58" s="140">
        <v>133039</v>
      </c>
      <c r="E58" s="866">
        <v>61012</v>
      </c>
      <c r="F58" s="163">
        <v>223630</v>
      </c>
      <c r="G58" s="140">
        <v>27631</v>
      </c>
      <c r="H58" s="140">
        <v>131975</v>
      </c>
      <c r="I58" s="866">
        <v>60679</v>
      </c>
      <c r="J58" s="180">
        <v>1219</v>
      </c>
      <c r="K58" s="181">
        <v>-178</v>
      </c>
      <c r="L58" s="181">
        <v>1064</v>
      </c>
      <c r="M58" s="181">
        <v>333</v>
      </c>
      <c r="N58" s="141">
        <v>0.54509681169789381</v>
      </c>
      <c r="O58" s="141">
        <v>-0.64420397379754624</v>
      </c>
      <c r="P58" s="141">
        <v>0.80621329797310093</v>
      </c>
      <c r="Q58" s="143">
        <v>0.54878953179848056</v>
      </c>
      <c r="R58" s="144">
        <v>12.4</v>
      </c>
      <c r="S58" s="144">
        <v>60.1</v>
      </c>
      <c r="T58" s="145">
        <v>27.5</v>
      </c>
      <c r="U58" s="187">
        <v>47.72</v>
      </c>
      <c r="V58" s="185">
        <v>222.2</v>
      </c>
      <c r="W58" s="146"/>
    </row>
    <row r="59" spans="1:23" ht="12.75" customHeight="1">
      <c r="A59" s="173" t="s">
        <v>375</v>
      </c>
      <c r="B59" s="140">
        <v>126079</v>
      </c>
      <c r="C59" s="140">
        <v>14951</v>
      </c>
      <c r="D59" s="140">
        <v>73330</v>
      </c>
      <c r="E59" s="866">
        <v>37040</v>
      </c>
      <c r="F59" s="163">
        <v>125680</v>
      </c>
      <c r="G59" s="140">
        <v>15143</v>
      </c>
      <c r="H59" s="140">
        <v>72855</v>
      </c>
      <c r="I59" s="866">
        <v>36924</v>
      </c>
      <c r="J59" s="180">
        <v>399</v>
      </c>
      <c r="K59" s="181">
        <v>-192</v>
      </c>
      <c r="L59" s="181">
        <v>475</v>
      </c>
      <c r="M59" s="181">
        <v>116</v>
      </c>
      <c r="N59" s="141">
        <v>0.31747294716740926</v>
      </c>
      <c r="O59" s="141">
        <v>-1.2679125668625768</v>
      </c>
      <c r="P59" s="141">
        <v>0.65197996019490767</v>
      </c>
      <c r="Q59" s="143">
        <v>0.31415881269634927</v>
      </c>
      <c r="R59" s="144">
        <v>11.9</v>
      </c>
      <c r="S59" s="144">
        <v>58.5</v>
      </c>
      <c r="T59" s="145">
        <v>29.6</v>
      </c>
      <c r="U59" s="187">
        <v>48.86</v>
      </c>
      <c r="V59" s="185">
        <v>247.7</v>
      </c>
      <c r="W59" s="146"/>
    </row>
    <row r="60" spans="1:23" ht="12.75" customHeight="1">
      <c r="A60" s="173" t="s">
        <v>376</v>
      </c>
      <c r="B60" s="140">
        <v>79957</v>
      </c>
      <c r="C60" s="140">
        <v>8026</v>
      </c>
      <c r="D60" s="140">
        <v>43885</v>
      </c>
      <c r="E60" s="866">
        <v>26961</v>
      </c>
      <c r="F60" s="163">
        <v>80139</v>
      </c>
      <c r="G60" s="140">
        <v>8255</v>
      </c>
      <c r="H60" s="140">
        <v>43963</v>
      </c>
      <c r="I60" s="866">
        <v>26836</v>
      </c>
      <c r="J60" s="180">
        <v>-182</v>
      </c>
      <c r="K60" s="181">
        <v>-229</v>
      </c>
      <c r="L60" s="181">
        <v>-78</v>
      </c>
      <c r="M60" s="181">
        <v>125</v>
      </c>
      <c r="N60" s="141">
        <v>-0.22710540435992463</v>
      </c>
      <c r="O60" s="141">
        <v>-2.774076317383404</v>
      </c>
      <c r="P60" s="141">
        <v>-0.17742192298068829</v>
      </c>
      <c r="Q60" s="143">
        <v>0.46579221940676702</v>
      </c>
      <c r="R60" s="144">
        <v>10.199999999999999</v>
      </c>
      <c r="S60" s="144">
        <v>55.6</v>
      </c>
      <c r="T60" s="145">
        <v>34.200000000000003</v>
      </c>
      <c r="U60" s="187">
        <v>50.7</v>
      </c>
      <c r="V60" s="185">
        <v>335.9</v>
      </c>
      <c r="W60" s="146"/>
    </row>
    <row r="61" spans="1:23" ht="12.75" customHeight="1">
      <c r="A61" s="173" t="s">
        <v>377</v>
      </c>
      <c r="B61" s="140">
        <v>50068</v>
      </c>
      <c r="C61" s="140">
        <v>5516</v>
      </c>
      <c r="D61" s="140">
        <v>28936</v>
      </c>
      <c r="E61" s="866">
        <v>14613</v>
      </c>
      <c r="F61" s="163">
        <v>49998</v>
      </c>
      <c r="G61" s="140">
        <v>5579</v>
      </c>
      <c r="H61" s="140">
        <v>28879</v>
      </c>
      <c r="I61" s="866">
        <v>14537</v>
      </c>
      <c r="J61" s="180">
        <v>70</v>
      </c>
      <c r="K61" s="181">
        <v>-63</v>
      </c>
      <c r="L61" s="181">
        <v>57</v>
      </c>
      <c r="M61" s="181">
        <v>76</v>
      </c>
      <c r="N61" s="141">
        <v>0.14000560022400896</v>
      </c>
      <c r="O61" s="141">
        <v>-1.1292346298619824</v>
      </c>
      <c r="P61" s="141">
        <v>0.19737525537587866</v>
      </c>
      <c r="Q61" s="143">
        <v>0.52280387975510767</v>
      </c>
      <c r="R61" s="144">
        <v>11.2</v>
      </c>
      <c r="S61" s="144">
        <v>59</v>
      </c>
      <c r="T61" s="145">
        <v>29.8</v>
      </c>
      <c r="U61" s="187">
        <v>48.59</v>
      </c>
      <c r="V61" s="185">
        <v>264.89999999999998</v>
      </c>
      <c r="W61" s="146"/>
    </row>
    <row r="62" spans="1:23" ht="12.75" customHeight="1">
      <c r="A62" s="173" t="s">
        <v>378</v>
      </c>
      <c r="B62" s="140">
        <v>23947</v>
      </c>
      <c r="C62" s="140">
        <v>2931</v>
      </c>
      <c r="D62" s="140">
        <v>13596</v>
      </c>
      <c r="E62" s="866">
        <v>7247</v>
      </c>
      <c r="F62" s="163">
        <v>23975</v>
      </c>
      <c r="G62" s="140">
        <v>2962</v>
      </c>
      <c r="H62" s="140">
        <v>13595</v>
      </c>
      <c r="I62" s="866">
        <v>7245</v>
      </c>
      <c r="J62" s="180">
        <v>-28</v>
      </c>
      <c r="K62" s="181">
        <v>-31</v>
      </c>
      <c r="L62" s="181">
        <v>1</v>
      </c>
      <c r="M62" s="181">
        <v>2</v>
      </c>
      <c r="N62" s="141">
        <v>-0.11678832116788322</v>
      </c>
      <c r="O62" s="141">
        <v>-1.0465901417960837</v>
      </c>
      <c r="P62" s="141">
        <v>7.35564545788893E-3</v>
      </c>
      <c r="Q62" s="143">
        <v>2.7605244996549348E-2</v>
      </c>
      <c r="R62" s="144">
        <v>12.3</v>
      </c>
      <c r="S62" s="144">
        <v>57.2</v>
      </c>
      <c r="T62" s="145">
        <v>30.5</v>
      </c>
      <c r="U62" s="187">
        <v>48.46</v>
      </c>
      <c r="V62" s="185">
        <v>247.3</v>
      </c>
      <c r="W62" s="146"/>
    </row>
    <row r="63" spans="1:23" ht="12.75" customHeight="1">
      <c r="A63" s="173" t="s">
        <v>379</v>
      </c>
      <c r="B63" s="140">
        <v>16057</v>
      </c>
      <c r="C63" s="140">
        <v>1690</v>
      </c>
      <c r="D63" s="140">
        <v>8376</v>
      </c>
      <c r="E63" s="866">
        <v>5986</v>
      </c>
      <c r="F63" s="163">
        <v>16119</v>
      </c>
      <c r="G63" s="140">
        <v>1715</v>
      </c>
      <c r="H63" s="140">
        <v>8396</v>
      </c>
      <c r="I63" s="866">
        <v>6003</v>
      </c>
      <c r="J63" s="180">
        <v>-62</v>
      </c>
      <c r="K63" s="181">
        <v>-25</v>
      </c>
      <c r="L63" s="181">
        <v>-20</v>
      </c>
      <c r="M63" s="181">
        <v>-17</v>
      </c>
      <c r="N63" s="141">
        <v>-0.3846392456107699</v>
      </c>
      <c r="O63" s="141">
        <v>-1.4577259475218658</v>
      </c>
      <c r="P63" s="141">
        <v>-0.23820867079561697</v>
      </c>
      <c r="Q63" s="143">
        <v>-0.28319173746460102</v>
      </c>
      <c r="R63" s="144">
        <v>10.5</v>
      </c>
      <c r="S63" s="144">
        <v>52.2</v>
      </c>
      <c r="T63" s="145">
        <v>37.299999999999997</v>
      </c>
      <c r="U63" s="187">
        <v>52.65</v>
      </c>
      <c r="V63" s="185">
        <v>354.2</v>
      </c>
      <c r="W63" s="146"/>
    </row>
    <row r="64" spans="1:23" ht="12.75" customHeight="1">
      <c r="A64" s="173" t="s">
        <v>380</v>
      </c>
      <c r="B64" s="140">
        <v>14068</v>
      </c>
      <c r="C64" s="140">
        <v>1273</v>
      </c>
      <c r="D64" s="140">
        <v>7357</v>
      </c>
      <c r="E64" s="866">
        <v>5342</v>
      </c>
      <c r="F64" s="163">
        <v>14207</v>
      </c>
      <c r="G64" s="140">
        <v>1329</v>
      </c>
      <c r="H64" s="140">
        <v>7396</v>
      </c>
      <c r="I64" s="866">
        <v>5386</v>
      </c>
      <c r="J64" s="180">
        <v>-139</v>
      </c>
      <c r="K64" s="181">
        <v>-56</v>
      </c>
      <c r="L64" s="181">
        <v>-39</v>
      </c>
      <c r="M64" s="181">
        <v>-44</v>
      </c>
      <c r="N64" s="141">
        <v>-0.97839093404659683</v>
      </c>
      <c r="O64" s="141">
        <v>-4.2136945071482312</v>
      </c>
      <c r="P64" s="141">
        <v>-0.52731206057328284</v>
      </c>
      <c r="Q64" s="143">
        <v>-0.81693278871147412</v>
      </c>
      <c r="R64" s="144">
        <v>9.1</v>
      </c>
      <c r="S64" s="144">
        <v>52.7</v>
      </c>
      <c r="T64" s="145">
        <v>38.200000000000003</v>
      </c>
      <c r="U64" s="187">
        <v>53.8</v>
      </c>
      <c r="V64" s="185">
        <v>419.6</v>
      </c>
      <c r="W64" s="146"/>
    </row>
    <row r="65" spans="1:23" ht="9" customHeight="1">
      <c r="A65" s="173"/>
      <c r="B65" s="140"/>
      <c r="C65" s="140"/>
      <c r="D65" s="140"/>
      <c r="E65" s="866"/>
      <c r="F65" s="891"/>
      <c r="G65" s="892"/>
      <c r="H65" s="892"/>
      <c r="I65" s="893"/>
      <c r="J65" s="180"/>
      <c r="K65" s="181"/>
      <c r="L65" s="181"/>
      <c r="M65" s="181"/>
      <c r="N65" s="182"/>
      <c r="O65" s="183"/>
      <c r="P65" s="183"/>
      <c r="Q65" s="184"/>
      <c r="R65" s="144"/>
      <c r="S65" s="144"/>
      <c r="T65" s="145"/>
      <c r="U65" s="187"/>
      <c r="V65" s="185"/>
      <c r="W65" s="146"/>
    </row>
    <row r="66" spans="1:23" ht="12.75" customHeight="1">
      <c r="A66" s="189" t="s">
        <v>381</v>
      </c>
      <c r="B66" s="137">
        <v>171399</v>
      </c>
      <c r="C66" s="137">
        <v>16328</v>
      </c>
      <c r="D66" s="137">
        <v>91478</v>
      </c>
      <c r="E66" s="865">
        <v>60865</v>
      </c>
      <c r="F66" s="890">
        <v>172417</v>
      </c>
      <c r="G66" s="137">
        <v>16713</v>
      </c>
      <c r="H66" s="137">
        <v>92113</v>
      </c>
      <c r="I66" s="865">
        <v>60862</v>
      </c>
      <c r="J66" s="619">
        <v>-1018</v>
      </c>
      <c r="K66" s="620">
        <v>-385</v>
      </c>
      <c r="L66" s="620">
        <v>-635</v>
      </c>
      <c r="M66" s="620">
        <v>3</v>
      </c>
      <c r="N66" s="613">
        <v>-0.59042901802026482</v>
      </c>
      <c r="O66" s="613">
        <v>-2.3035960031113505</v>
      </c>
      <c r="P66" s="613">
        <v>-0.68937066429277083</v>
      </c>
      <c r="Q66" s="614">
        <v>4.9291840557326412E-3</v>
      </c>
      <c r="R66" s="615">
        <v>9.6999999999999993</v>
      </c>
      <c r="S66" s="615">
        <v>54.2</v>
      </c>
      <c r="T66" s="616">
        <v>36.1</v>
      </c>
      <c r="U66" s="617">
        <v>52.2</v>
      </c>
      <c r="V66" s="618">
        <v>372.8</v>
      </c>
      <c r="W66" s="138"/>
    </row>
    <row r="67" spans="1:23" ht="12.75" customHeight="1">
      <c r="A67" s="173" t="s">
        <v>382</v>
      </c>
      <c r="B67" s="140">
        <v>96641</v>
      </c>
      <c r="C67" s="140">
        <v>9536</v>
      </c>
      <c r="D67" s="140">
        <v>53134</v>
      </c>
      <c r="E67" s="866">
        <v>32092</v>
      </c>
      <c r="F67" s="163">
        <v>97187</v>
      </c>
      <c r="G67" s="140">
        <v>9710</v>
      </c>
      <c r="H67" s="140">
        <v>53555</v>
      </c>
      <c r="I67" s="866">
        <v>32043</v>
      </c>
      <c r="J67" s="180">
        <v>-546</v>
      </c>
      <c r="K67" s="181">
        <v>-174</v>
      </c>
      <c r="L67" s="181">
        <v>-421</v>
      </c>
      <c r="M67" s="181">
        <v>49</v>
      </c>
      <c r="N67" s="182">
        <v>-0.56180353339438405</v>
      </c>
      <c r="O67" s="182">
        <v>-1.7919670442842432</v>
      </c>
      <c r="P67" s="182">
        <v>-0.78610773970684344</v>
      </c>
      <c r="Q67" s="184">
        <v>0.15291951440252161</v>
      </c>
      <c r="R67" s="144">
        <v>10.1</v>
      </c>
      <c r="S67" s="144">
        <v>56.1</v>
      </c>
      <c r="T67" s="145">
        <v>33.9</v>
      </c>
      <c r="U67" s="187">
        <v>51.17</v>
      </c>
      <c r="V67" s="185">
        <v>336.5</v>
      </c>
      <c r="W67" s="146"/>
    </row>
    <row r="68" spans="1:23" ht="12.75" customHeight="1">
      <c r="A68" s="173" t="s">
        <v>383</v>
      </c>
      <c r="B68" s="140">
        <v>20484</v>
      </c>
      <c r="C68" s="140">
        <v>1995</v>
      </c>
      <c r="D68" s="140">
        <v>10796</v>
      </c>
      <c r="E68" s="866">
        <v>7494</v>
      </c>
      <c r="F68" s="163">
        <v>20600</v>
      </c>
      <c r="G68" s="140">
        <v>2111</v>
      </c>
      <c r="H68" s="140">
        <v>10810</v>
      </c>
      <c r="I68" s="866">
        <v>7480</v>
      </c>
      <c r="J68" s="180">
        <v>-116</v>
      </c>
      <c r="K68" s="181">
        <v>-116</v>
      </c>
      <c r="L68" s="181">
        <v>-14</v>
      </c>
      <c r="M68" s="181">
        <v>14</v>
      </c>
      <c r="N68" s="182">
        <v>-0.56310679611650483</v>
      </c>
      <c r="O68" s="182">
        <v>-5.4950260540028424</v>
      </c>
      <c r="P68" s="182">
        <v>-0.12950971322849214</v>
      </c>
      <c r="Q68" s="184">
        <v>0.18716577540106952</v>
      </c>
      <c r="R68" s="144">
        <v>9.8000000000000007</v>
      </c>
      <c r="S68" s="144">
        <v>53.2</v>
      </c>
      <c r="T68" s="145">
        <v>36.9</v>
      </c>
      <c r="U68" s="187">
        <v>52.58</v>
      </c>
      <c r="V68" s="185">
        <v>375.6</v>
      </c>
      <c r="W68" s="146"/>
    </row>
    <row r="69" spans="1:23" ht="12.75" customHeight="1">
      <c r="A69" s="173" t="s">
        <v>384</v>
      </c>
      <c r="B69" s="140">
        <v>4544</v>
      </c>
      <c r="C69" s="140">
        <v>390</v>
      </c>
      <c r="D69" s="140">
        <v>2216</v>
      </c>
      <c r="E69" s="866">
        <v>1819</v>
      </c>
      <c r="F69" s="163">
        <v>4556</v>
      </c>
      <c r="G69" s="140">
        <v>402</v>
      </c>
      <c r="H69" s="140">
        <v>2224</v>
      </c>
      <c r="I69" s="866">
        <v>1811</v>
      </c>
      <c r="J69" s="180">
        <v>-12</v>
      </c>
      <c r="K69" s="181">
        <v>-12</v>
      </c>
      <c r="L69" s="181">
        <v>-8</v>
      </c>
      <c r="M69" s="181">
        <v>8</v>
      </c>
      <c r="N69" s="182">
        <v>-0.26338893766461807</v>
      </c>
      <c r="O69" s="182">
        <v>-2.9850746268656714</v>
      </c>
      <c r="P69" s="182">
        <v>-0.35971223021582738</v>
      </c>
      <c r="Q69" s="184">
        <v>0.44174489232468256</v>
      </c>
      <c r="R69" s="144">
        <v>8.8000000000000007</v>
      </c>
      <c r="S69" s="144">
        <v>50.1</v>
      </c>
      <c r="T69" s="145">
        <v>41.1</v>
      </c>
      <c r="U69" s="187">
        <v>54.32</v>
      </c>
      <c r="V69" s="185">
        <v>466.4</v>
      </c>
      <c r="W69" s="146"/>
    </row>
    <row r="70" spans="1:23" ht="12.75" customHeight="1">
      <c r="A70" s="173" t="s">
        <v>385</v>
      </c>
      <c r="B70" s="140">
        <v>8749</v>
      </c>
      <c r="C70" s="140">
        <v>978</v>
      </c>
      <c r="D70" s="140">
        <v>4898</v>
      </c>
      <c r="E70" s="866">
        <v>2803</v>
      </c>
      <c r="F70" s="163">
        <v>8764</v>
      </c>
      <c r="G70" s="140">
        <v>992</v>
      </c>
      <c r="H70" s="140">
        <v>4925</v>
      </c>
      <c r="I70" s="866">
        <v>2777</v>
      </c>
      <c r="J70" s="180">
        <v>-15</v>
      </c>
      <c r="K70" s="181">
        <v>-14</v>
      </c>
      <c r="L70" s="181">
        <v>-27</v>
      </c>
      <c r="M70" s="181">
        <v>26</v>
      </c>
      <c r="N70" s="182">
        <v>-0.17115472387037881</v>
      </c>
      <c r="O70" s="182">
        <v>-1.411290322580645</v>
      </c>
      <c r="P70" s="182">
        <v>-0.5482233502538072</v>
      </c>
      <c r="Q70" s="184">
        <v>0.93626215340295282</v>
      </c>
      <c r="R70" s="144">
        <v>11.3</v>
      </c>
      <c r="S70" s="144">
        <v>56.4</v>
      </c>
      <c r="T70" s="145">
        <v>32.299999999999997</v>
      </c>
      <c r="U70" s="187">
        <v>49.75</v>
      </c>
      <c r="V70" s="185">
        <v>286.60000000000002</v>
      </c>
      <c r="W70" s="146"/>
    </row>
    <row r="71" spans="1:23" ht="12.75" customHeight="1">
      <c r="A71" s="173" t="s">
        <v>386</v>
      </c>
      <c r="B71" s="140">
        <v>5281</v>
      </c>
      <c r="C71" s="140">
        <v>461</v>
      </c>
      <c r="D71" s="140">
        <v>2752</v>
      </c>
      <c r="E71" s="866">
        <v>2022</v>
      </c>
      <c r="F71" s="163">
        <v>5342</v>
      </c>
      <c r="G71" s="140">
        <v>465</v>
      </c>
      <c r="H71" s="140">
        <v>2786</v>
      </c>
      <c r="I71" s="866">
        <v>2045</v>
      </c>
      <c r="J71" s="180">
        <v>-61</v>
      </c>
      <c r="K71" s="181">
        <v>-4</v>
      </c>
      <c r="L71" s="181">
        <v>-34</v>
      </c>
      <c r="M71" s="181">
        <v>-23</v>
      </c>
      <c r="N71" s="182">
        <v>-1.1418944215649569</v>
      </c>
      <c r="O71" s="182">
        <v>-0.86021505376344087</v>
      </c>
      <c r="P71" s="182">
        <v>-1.2203876525484567</v>
      </c>
      <c r="Q71" s="184">
        <v>-1.1246943765281174</v>
      </c>
      <c r="R71" s="144">
        <v>8.8000000000000007</v>
      </c>
      <c r="S71" s="144">
        <v>52.6</v>
      </c>
      <c r="T71" s="145">
        <v>38.6</v>
      </c>
      <c r="U71" s="187">
        <v>53.81</v>
      </c>
      <c r="V71" s="185">
        <v>438.6</v>
      </c>
      <c r="W71" s="146"/>
    </row>
    <row r="72" spans="1:23" ht="12.75" customHeight="1">
      <c r="A72" s="173" t="s">
        <v>387</v>
      </c>
      <c r="B72" s="140">
        <v>4717</v>
      </c>
      <c r="C72" s="140">
        <v>382</v>
      </c>
      <c r="D72" s="140">
        <v>2187</v>
      </c>
      <c r="E72" s="866">
        <v>2136</v>
      </c>
      <c r="F72" s="163">
        <v>4823</v>
      </c>
      <c r="G72" s="140">
        <v>390</v>
      </c>
      <c r="H72" s="140">
        <v>2267</v>
      </c>
      <c r="I72" s="866">
        <v>2154</v>
      </c>
      <c r="J72" s="180">
        <v>-106</v>
      </c>
      <c r="K72" s="181">
        <v>-8</v>
      </c>
      <c r="L72" s="181">
        <v>-80</v>
      </c>
      <c r="M72" s="181">
        <v>-18</v>
      </c>
      <c r="N72" s="182">
        <v>-2.197802197802198</v>
      </c>
      <c r="O72" s="182">
        <v>-2.0512820512820511</v>
      </c>
      <c r="P72" s="182">
        <v>-3.5288928098809</v>
      </c>
      <c r="Q72" s="184">
        <v>-0.83565459610027859</v>
      </c>
      <c r="R72" s="144">
        <v>8.1</v>
      </c>
      <c r="S72" s="144">
        <v>46.5</v>
      </c>
      <c r="T72" s="145">
        <v>45.4</v>
      </c>
      <c r="U72" s="187">
        <v>56.68</v>
      </c>
      <c r="V72" s="185">
        <v>559.20000000000005</v>
      </c>
      <c r="W72" s="146"/>
    </row>
    <row r="73" spans="1:23" ht="12.75" customHeight="1">
      <c r="A73" s="173" t="s">
        <v>388</v>
      </c>
      <c r="B73" s="140">
        <v>9654</v>
      </c>
      <c r="C73" s="140">
        <v>1340</v>
      </c>
      <c r="D73" s="140">
        <v>5484</v>
      </c>
      <c r="E73" s="866">
        <v>2803</v>
      </c>
      <c r="F73" s="163">
        <v>9541</v>
      </c>
      <c r="G73" s="140">
        <v>1320</v>
      </c>
      <c r="H73" s="140">
        <v>5450</v>
      </c>
      <c r="I73" s="866">
        <v>2744</v>
      </c>
      <c r="J73" s="180">
        <v>113</v>
      </c>
      <c r="K73" s="181">
        <v>20</v>
      </c>
      <c r="L73" s="181">
        <v>34</v>
      </c>
      <c r="M73" s="181">
        <v>59</v>
      </c>
      <c r="N73" s="182">
        <v>1.1843622261817419</v>
      </c>
      <c r="O73" s="182">
        <v>1.5151515151515151</v>
      </c>
      <c r="P73" s="182">
        <v>0.62385321100917424</v>
      </c>
      <c r="Q73" s="184">
        <v>2.1501457725947524</v>
      </c>
      <c r="R73" s="144">
        <v>13.9</v>
      </c>
      <c r="S73" s="144">
        <v>57</v>
      </c>
      <c r="T73" s="145">
        <v>29.1</v>
      </c>
      <c r="U73" s="187">
        <v>47.59</v>
      </c>
      <c r="V73" s="185">
        <v>209.2</v>
      </c>
      <c r="W73" s="146"/>
    </row>
    <row r="74" spans="1:23" ht="12.75" customHeight="1">
      <c r="A74" s="173" t="s">
        <v>389</v>
      </c>
      <c r="B74" s="140">
        <v>5669</v>
      </c>
      <c r="C74" s="140">
        <v>309</v>
      </c>
      <c r="D74" s="140">
        <v>2848</v>
      </c>
      <c r="E74" s="866">
        <v>2277</v>
      </c>
      <c r="F74" s="163">
        <v>5741</v>
      </c>
      <c r="G74" s="140">
        <v>330</v>
      </c>
      <c r="H74" s="140">
        <v>2858</v>
      </c>
      <c r="I74" s="866">
        <v>2318</v>
      </c>
      <c r="J74" s="180">
        <v>-72</v>
      </c>
      <c r="K74" s="181">
        <v>-21</v>
      </c>
      <c r="L74" s="181">
        <v>-10</v>
      </c>
      <c r="M74" s="181">
        <v>-41</v>
      </c>
      <c r="N74" s="182">
        <v>-1.2541369099460025</v>
      </c>
      <c r="O74" s="182">
        <v>-6.3636363636363633</v>
      </c>
      <c r="P74" s="182">
        <v>-0.34989503149055284</v>
      </c>
      <c r="Q74" s="184">
        <v>-1.7687661777394306</v>
      </c>
      <c r="R74" s="144">
        <v>5.7</v>
      </c>
      <c r="S74" s="144">
        <v>52.4</v>
      </c>
      <c r="T74" s="145">
        <v>41.9</v>
      </c>
      <c r="U74" s="187">
        <v>54.43</v>
      </c>
      <c r="V74" s="185">
        <v>736.9</v>
      </c>
      <c r="W74" s="146"/>
    </row>
    <row r="75" spans="1:23" ht="12.75" customHeight="1">
      <c r="A75" s="173" t="s">
        <v>390</v>
      </c>
      <c r="B75" s="140">
        <v>3466</v>
      </c>
      <c r="C75" s="140">
        <v>206</v>
      </c>
      <c r="D75" s="140">
        <v>1609</v>
      </c>
      <c r="E75" s="866">
        <v>1649</v>
      </c>
      <c r="F75" s="163">
        <v>3533</v>
      </c>
      <c r="G75" s="140">
        <v>221</v>
      </c>
      <c r="H75" s="140">
        <v>1640</v>
      </c>
      <c r="I75" s="866">
        <v>1669</v>
      </c>
      <c r="J75" s="180">
        <v>-67</v>
      </c>
      <c r="K75" s="181">
        <v>-15</v>
      </c>
      <c r="L75" s="181">
        <v>-31</v>
      </c>
      <c r="M75" s="181">
        <v>-20</v>
      </c>
      <c r="N75" s="182">
        <v>-1.8964053212567222</v>
      </c>
      <c r="O75" s="182">
        <v>-6.7873303167420813</v>
      </c>
      <c r="P75" s="182">
        <v>-1.8902439024390243</v>
      </c>
      <c r="Q75" s="184">
        <v>-1.1983223487118035</v>
      </c>
      <c r="R75" s="144">
        <v>5.9</v>
      </c>
      <c r="S75" s="144">
        <v>46.4</v>
      </c>
      <c r="T75" s="145">
        <v>47.6</v>
      </c>
      <c r="U75" s="187">
        <v>59.28</v>
      </c>
      <c r="V75" s="185">
        <v>800.5</v>
      </c>
      <c r="W75" s="146"/>
    </row>
    <row r="76" spans="1:23" ht="12.75" customHeight="1">
      <c r="A76" s="173" t="s">
        <v>391</v>
      </c>
      <c r="B76" s="140">
        <v>12194</v>
      </c>
      <c r="C76" s="140">
        <v>731</v>
      </c>
      <c r="D76" s="140">
        <v>5554</v>
      </c>
      <c r="E76" s="866">
        <v>5770</v>
      </c>
      <c r="F76" s="163">
        <v>12330</v>
      </c>
      <c r="G76" s="140">
        <v>772</v>
      </c>
      <c r="H76" s="140">
        <v>5598</v>
      </c>
      <c r="I76" s="866">
        <v>5821</v>
      </c>
      <c r="J76" s="180">
        <v>-136</v>
      </c>
      <c r="K76" s="181">
        <v>-41</v>
      </c>
      <c r="L76" s="181">
        <v>-44</v>
      </c>
      <c r="M76" s="181">
        <v>-51</v>
      </c>
      <c r="N76" s="182">
        <v>-1.103000811030008</v>
      </c>
      <c r="O76" s="182">
        <v>-5.3108808290155443</v>
      </c>
      <c r="P76" s="182">
        <v>-0.78599499821364782</v>
      </c>
      <c r="Q76" s="184">
        <v>-0.87613812059783547</v>
      </c>
      <c r="R76" s="144">
        <v>6.1</v>
      </c>
      <c r="S76" s="144">
        <v>46.1</v>
      </c>
      <c r="T76" s="145">
        <v>47.9</v>
      </c>
      <c r="U76" s="187">
        <v>58.79</v>
      </c>
      <c r="V76" s="185">
        <v>789.3</v>
      </c>
      <c r="W76" s="146"/>
    </row>
    <row r="77" spans="1:23" ht="12.6" customHeight="1" thickBot="1">
      <c r="A77" s="153"/>
      <c r="B77" s="154"/>
      <c r="C77" s="154"/>
      <c r="D77" s="154"/>
      <c r="E77" s="155"/>
      <c r="F77" s="190"/>
      <c r="G77" s="191"/>
      <c r="H77" s="191"/>
      <c r="I77" s="867"/>
      <c r="J77" s="192"/>
      <c r="K77" s="193"/>
      <c r="L77" s="193"/>
      <c r="M77" s="193"/>
      <c r="N77" s="194"/>
      <c r="O77" s="195"/>
      <c r="P77" s="195"/>
      <c r="Q77" s="196"/>
      <c r="R77" s="195"/>
      <c r="S77" s="195"/>
      <c r="T77" s="196"/>
      <c r="U77" s="197"/>
      <c r="V77" s="198"/>
      <c r="W77" s="146"/>
    </row>
    <row r="78" spans="1:23" s="167" customFormat="1" ht="9" customHeight="1" thickTop="1">
      <c r="A78" s="162"/>
      <c r="B78" s="163"/>
      <c r="C78" s="163"/>
      <c r="D78" s="163"/>
      <c r="E78" s="163"/>
      <c r="F78" s="163"/>
      <c r="G78" s="163"/>
      <c r="H78" s="163"/>
      <c r="I78" s="163"/>
      <c r="J78" s="163"/>
      <c r="K78" s="163"/>
      <c r="L78" s="164"/>
      <c r="M78" s="165"/>
      <c r="N78" s="165"/>
      <c r="O78" s="165"/>
      <c r="P78" s="165"/>
      <c r="Q78" s="165"/>
      <c r="R78" s="165"/>
      <c r="S78" s="166"/>
      <c r="T78" s="165"/>
      <c r="U78" s="165"/>
    </row>
    <row r="79" spans="1:23" s="167" customFormat="1" ht="15.95" customHeight="1">
      <c r="A79" s="168" t="s">
        <v>86</v>
      </c>
      <c r="B79" s="169"/>
      <c r="C79" s="169"/>
      <c r="D79" s="169"/>
      <c r="E79" s="169"/>
      <c r="F79" s="169"/>
      <c r="G79" s="169"/>
      <c r="H79" s="169"/>
      <c r="I79" s="169"/>
      <c r="J79" s="169"/>
      <c r="K79" s="169"/>
      <c r="L79" s="170"/>
      <c r="M79" s="170"/>
      <c r="N79" s="170"/>
      <c r="O79" s="170"/>
      <c r="P79" s="170"/>
      <c r="Q79" s="170"/>
      <c r="R79" s="170"/>
      <c r="S79" s="170"/>
      <c r="T79" s="170"/>
      <c r="U79" s="170"/>
    </row>
    <row r="80" spans="1:23" s="167" customFormat="1" ht="14.25">
      <c r="A80" s="168" t="s">
        <v>87</v>
      </c>
      <c r="B80" s="169"/>
      <c r="C80" s="169"/>
      <c r="D80" s="169"/>
      <c r="E80" s="169"/>
      <c r="F80" s="169"/>
      <c r="G80" s="169"/>
      <c r="H80" s="169"/>
      <c r="I80" s="169"/>
      <c r="J80" s="169"/>
      <c r="K80" s="169"/>
      <c r="L80" s="170"/>
      <c r="M80" s="171"/>
      <c r="N80" s="171"/>
      <c r="O80" s="171"/>
      <c r="P80" s="171"/>
      <c r="Q80" s="171"/>
      <c r="R80" s="171"/>
      <c r="S80" s="171"/>
      <c r="T80" s="171"/>
      <c r="U80" s="170"/>
    </row>
  </sheetData>
  <mergeCells count="5">
    <mergeCell ref="B2:E2"/>
    <mergeCell ref="F2:I2"/>
    <mergeCell ref="J2:M2"/>
    <mergeCell ref="N2:Q2"/>
    <mergeCell ref="R2:T2"/>
  </mergeCells>
  <phoneticPr fontId="2"/>
  <printOptions horizontalCentered="1" gridLinesSet="0"/>
  <pageMargins left="0.59055118110236227" right="0.59055118110236227" top="0.70866141732283472" bottom="0.70866141732283472" header="0.31496062992125984" footer="0.19685039370078741"/>
  <pageSetup paperSize="8" scale="81" orientation="landscape" blackAndWhite="1" r:id="rId1"/>
  <headerFooter scaleWithDoc="0"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U62"/>
  <sheetViews>
    <sheetView zoomScale="110" zoomScaleNormal="110" zoomScaleSheetLayoutView="100" workbookViewId="0">
      <pane ySplit="4" topLeftCell="A5" activePane="bottomLeft" state="frozen"/>
      <selection pane="bottomLeft"/>
    </sheetView>
  </sheetViews>
  <sheetFormatPr defaultRowHeight="12"/>
  <cols>
    <col min="1" max="1" width="7.5" style="207" customWidth="1"/>
    <col min="2" max="2" width="10.375" style="207" customWidth="1"/>
    <col min="3" max="5" width="10" style="207" customWidth="1"/>
    <col min="6" max="9" width="8.75" style="207" customWidth="1"/>
    <col min="10" max="10" width="3.75" style="208" customWidth="1"/>
    <col min="11" max="11" width="9.625" style="206" customWidth="1"/>
    <col min="12" max="12" width="9.5" style="30" bestFit="1" customWidth="1"/>
    <col min="13" max="13" width="9" style="30"/>
    <col min="14" max="14" width="9" style="204"/>
    <col min="15" max="16384" width="9" style="207"/>
  </cols>
  <sheetData>
    <row r="1" spans="1:14" ht="14.25" thickBot="1">
      <c r="A1" s="894" t="s">
        <v>397</v>
      </c>
      <c r="B1" s="569"/>
      <c r="C1" s="569"/>
      <c r="D1" s="569"/>
      <c r="E1" s="569"/>
      <c r="F1" s="569"/>
      <c r="G1" s="570"/>
      <c r="H1" s="569"/>
      <c r="I1" s="571"/>
    </row>
    <row r="2" spans="1:14" s="59" customFormat="1" ht="16.5" customHeight="1" thickTop="1">
      <c r="A2" s="1004" t="s">
        <v>398</v>
      </c>
      <c r="B2" s="1005"/>
      <c r="C2" s="1006" t="s">
        <v>399</v>
      </c>
      <c r="D2" s="1007"/>
      <c r="E2" s="1008"/>
      <c r="F2" s="1006" t="s">
        <v>400</v>
      </c>
      <c r="G2" s="1007"/>
      <c r="H2" s="1008"/>
      <c r="I2" s="1009" t="s">
        <v>309</v>
      </c>
      <c r="J2" s="572"/>
      <c r="K2" s="206"/>
      <c r="L2" s="30"/>
      <c r="M2" s="30"/>
      <c r="N2" s="204"/>
    </row>
    <row r="3" spans="1:14" s="59" customFormat="1" ht="13.5" customHeight="1">
      <c r="A3" s="1012" t="s">
        <v>401</v>
      </c>
      <c r="B3" s="1012" t="s">
        <v>402</v>
      </c>
      <c r="C3" s="573" t="s">
        <v>4</v>
      </c>
      <c r="D3" s="574" t="s">
        <v>403</v>
      </c>
      <c r="E3" s="573" t="s">
        <v>0</v>
      </c>
      <c r="F3" s="575" t="s">
        <v>4</v>
      </c>
      <c r="G3" s="574" t="s">
        <v>403</v>
      </c>
      <c r="H3" s="574" t="s">
        <v>0</v>
      </c>
      <c r="I3" s="1010"/>
      <c r="J3" s="572"/>
      <c r="K3" s="206"/>
      <c r="L3" s="30"/>
      <c r="M3" s="30"/>
      <c r="N3" s="204"/>
    </row>
    <row r="4" spans="1:14" s="59" customFormat="1" ht="13.5" customHeight="1">
      <c r="A4" s="1005"/>
      <c r="B4" s="1005"/>
      <c r="C4" s="576" t="s">
        <v>30</v>
      </c>
      <c r="D4" s="577" t="s">
        <v>404</v>
      </c>
      <c r="E4" s="578" t="s">
        <v>405</v>
      </c>
      <c r="F4" s="576" t="s">
        <v>30</v>
      </c>
      <c r="G4" s="577" t="s">
        <v>404</v>
      </c>
      <c r="H4" s="577" t="s">
        <v>405</v>
      </c>
      <c r="I4" s="1011"/>
      <c r="J4" s="572"/>
      <c r="K4" s="206"/>
      <c r="L4" s="30"/>
      <c r="M4" s="30"/>
      <c r="N4" s="204"/>
    </row>
    <row r="5" spans="1:14" s="59" customFormat="1">
      <c r="B5" s="579" t="s">
        <v>10</v>
      </c>
      <c r="C5" s="580" t="s">
        <v>10</v>
      </c>
      <c r="D5" s="580" t="s">
        <v>10</v>
      </c>
      <c r="E5" s="581" t="s">
        <v>10</v>
      </c>
      <c r="F5" s="582" t="s">
        <v>12</v>
      </c>
      <c r="G5" s="582" t="s">
        <v>12</v>
      </c>
      <c r="H5" s="582" t="s">
        <v>12</v>
      </c>
      <c r="I5" s="579" t="s">
        <v>181</v>
      </c>
      <c r="J5" s="572"/>
      <c r="K5" s="206"/>
      <c r="L5" s="30"/>
      <c r="M5" s="30"/>
      <c r="N5" s="204"/>
    </row>
    <row r="6" spans="1:14" s="59" customFormat="1">
      <c r="A6" s="583" t="s">
        <v>406</v>
      </c>
      <c r="B6" s="201">
        <v>9227901</v>
      </c>
      <c r="C6" s="199">
        <v>1047478</v>
      </c>
      <c r="D6" s="199">
        <v>5640059</v>
      </c>
      <c r="E6" s="199">
        <v>2326294</v>
      </c>
      <c r="F6" s="584">
        <v>11.620785878945368</v>
      </c>
      <c r="G6" s="584">
        <v>62.571164247477014</v>
      </c>
      <c r="H6" s="584">
        <v>25.808049873577616</v>
      </c>
      <c r="I6" s="200">
        <v>47.03</v>
      </c>
      <c r="J6" s="572"/>
      <c r="K6" s="206"/>
      <c r="L6" s="30"/>
      <c r="M6" s="30"/>
      <c r="N6" s="204"/>
    </row>
    <row r="7" spans="1:14" s="59" customFormat="1">
      <c r="A7" s="583">
        <v>4</v>
      </c>
      <c r="B7" s="201">
        <v>9231177</v>
      </c>
      <c r="C7" s="199">
        <v>1065999</v>
      </c>
      <c r="D7" s="199">
        <v>5627097</v>
      </c>
      <c r="E7" s="199">
        <v>2324007</v>
      </c>
      <c r="F7" s="584">
        <v>11.821967654134593</v>
      </c>
      <c r="G7" s="584">
        <v>62.404710248956896</v>
      </c>
      <c r="H7" s="584">
        <v>25.773322096908508</v>
      </c>
      <c r="I7" s="200">
        <v>46.8</v>
      </c>
      <c r="J7" s="572"/>
      <c r="K7" s="206"/>
      <c r="L7" s="30"/>
      <c r="M7" s="30"/>
      <c r="N7" s="204"/>
    </row>
    <row r="8" spans="1:14" s="59" customFormat="1">
      <c r="A8" s="583">
        <v>3</v>
      </c>
      <c r="B8" s="201">
        <v>9236337</v>
      </c>
      <c r="C8" s="199">
        <v>1082584</v>
      </c>
      <c r="D8" s="199">
        <v>5627503</v>
      </c>
      <c r="E8" s="199">
        <v>2312173</v>
      </c>
      <c r="F8" s="584">
        <v>11.99903350158386</v>
      </c>
      <c r="G8" s="584">
        <v>62.37354055414054</v>
      </c>
      <c r="H8" s="584">
        <v>25.627425944275601</v>
      </c>
      <c r="I8" s="200">
        <v>46.52</v>
      </c>
      <c r="J8" s="572"/>
      <c r="K8" s="206"/>
      <c r="L8" s="30"/>
      <c r="M8" s="30"/>
      <c r="N8" s="204"/>
    </row>
    <row r="9" spans="1:14" s="59" customFormat="1">
      <c r="A9" s="583">
        <v>2</v>
      </c>
      <c r="B9" s="201">
        <v>9201825</v>
      </c>
      <c r="C9" s="199">
        <v>1094402</v>
      </c>
      <c r="D9" s="199">
        <v>5712800</v>
      </c>
      <c r="E9" s="199">
        <v>2311697</v>
      </c>
      <c r="F9" s="584">
        <v>12.001470791594468</v>
      </c>
      <c r="G9" s="584">
        <v>62.64791396417484</v>
      </c>
      <c r="H9" s="584">
        <v>25.350615244230688</v>
      </c>
      <c r="I9" s="200">
        <v>46.17</v>
      </c>
      <c r="J9" s="572"/>
      <c r="K9" s="206"/>
      <c r="L9" s="30"/>
      <c r="M9" s="30"/>
      <c r="N9" s="204"/>
    </row>
    <row r="10" spans="1:14" s="59" customFormat="1">
      <c r="A10" s="583" t="s">
        <v>407</v>
      </c>
      <c r="B10" s="201">
        <v>9181625</v>
      </c>
      <c r="C10" s="199">
        <v>1106141</v>
      </c>
      <c r="D10" s="199">
        <v>5704254</v>
      </c>
      <c r="E10" s="199">
        <v>2288304</v>
      </c>
      <c r="F10" s="584">
        <v>12.157133673726321</v>
      </c>
      <c r="G10" s="584">
        <v>62.693072932734673</v>
      </c>
      <c r="H10" s="584">
        <v>25.14979339353901</v>
      </c>
      <c r="I10" s="200">
        <v>45.91</v>
      </c>
      <c r="J10" s="572"/>
      <c r="K10" s="206"/>
      <c r="L10" s="30"/>
      <c r="M10" s="30"/>
      <c r="N10" s="204"/>
    </row>
    <row r="11" spans="1:14" s="59" customFormat="1">
      <c r="A11" s="585">
        <v>30</v>
      </c>
      <c r="B11" s="201">
        <v>9163279</v>
      </c>
      <c r="C11" s="199">
        <v>1117039</v>
      </c>
      <c r="D11" s="199">
        <v>5703570</v>
      </c>
      <c r="E11" s="199">
        <v>2259744</v>
      </c>
      <c r="F11" s="584">
        <v>12.301713380526065</v>
      </c>
      <c r="G11" s="584">
        <v>62.812205648833256</v>
      </c>
      <c r="H11" s="584">
        <v>24.886080970640677</v>
      </c>
      <c r="I11" s="200">
        <v>45.64</v>
      </c>
      <c r="J11" s="572"/>
      <c r="K11" s="206"/>
      <c r="L11" s="30"/>
      <c r="M11" s="30"/>
      <c r="N11" s="204"/>
    </row>
    <row r="12" spans="1:14" s="59" customFormat="1">
      <c r="A12" s="585">
        <v>29</v>
      </c>
      <c r="B12" s="201">
        <v>9147400</v>
      </c>
      <c r="C12" s="199">
        <v>1128426</v>
      </c>
      <c r="D12" s="199">
        <v>5715800</v>
      </c>
      <c r="E12" s="199">
        <v>2220248</v>
      </c>
      <c r="F12" s="584">
        <v>12.448885616528878</v>
      </c>
      <c r="G12" s="584">
        <v>63.057161397340863</v>
      </c>
      <c r="H12" s="584">
        <v>24.49395298613025</v>
      </c>
      <c r="I12" s="200">
        <v>45.36</v>
      </c>
      <c r="J12" s="572"/>
      <c r="K12" s="206"/>
      <c r="L12" s="30"/>
      <c r="M12" s="30"/>
      <c r="N12" s="204"/>
    </row>
    <row r="13" spans="1:14" s="59" customFormat="1" ht="13.5" customHeight="1">
      <c r="A13" s="585">
        <v>28</v>
      </c>
      <c r="B13" s="201">
        <v>9128037</v>
      </c>
      <c r="C13" s="199">
        <v>1137781</v>
      </c>
      <c r="D13" s="199">
        <v>5735512</v>
      </c>
      <c r="E13" s="199">
        <v>2171818</v>
      </c>
      <c r="F13" s="584">
        <v>12.578961164766248</v>
      </c>
      <c r="G13" s="584">
        <v>63.410078660173433</v>
      </c>
      <c r="H13" s="584">
        <v>24.010960175060315</v>
      </c>
      <c r="I13" s="200">
        <v>45.07</v>
      </c>
      <c r="J13" s="572"/>
      <c r="K13" s="206"/>
      <c r="L13" s="30"/>
      <c r="M13" s="30"/>
      <c r="N13" s="204"/>
    </row>
    <row r="14" spans="1:14" s="59" customFormat="1" ht="13.5" customHeight="1">
      <c r="A14" s="583">
        <v>27</v>
      </c>
      <c r="B14" s="201">
        <v>9100346</v>
      </c>
      <c r="C14" s="199">
        <v>1160016</v>
      </c>
      <c r="D14" s="199">
        <v>5770260</v>
      </c>
      <c r="E14" s="199">
        <v>2117842</v>
      </c>
      <c r="F14" s="584">
        <v>12.820522455609002</v>
      </c>
      <c r="G14" s="584">
        <v>63.773040979350625</v>
      </c>
      <c r="H14" s="584">
        <v>23.406436565040377</v>
      </c>
      <c r="I14" s="200">
        <v>44.76</v>
      </c>
      <c r="J14" s="572"/>
      <c r="K14" s="206"/>
      <c r="L14" s="30"/>
      <c r="M14" s="30"/>
      <c r="N14" s="204"/>
    </row>
    <row r="15" spans="1:14" s="59" customFormat="1" ht="14.1" customHeight="1">
      <c r="A15" s="585">
        <v>26</v>
      </c>
      <c r="B15" s="201">
        <v>9083839</v>
      </c>
      <c r="C15" s="199">
        <v>1168050</v>
      </c>
      <c r="D15" s="199">
        <v>5827503</v>
      </c>
      <c r="E15" s="199">
        <v>2036058</v>
      </c>
      <c r="F15" s="584">
        <v>12.932908647194836</v>
      </c>
      <c r="G15" s="584">
        <v>64.523405624976533</v>
      </c>
      <c r="H15" s="584">
        <v>22.543685727828624</v>
      </c>
      <c r="I15" s="200">
        <v>44.45</v>
      </c>
      <c r="J15" s="572"/>
      <c r="K15" s="206"/>
      <c r="L15" s="30"/>
      <c r="M15" s="30"/>
      <c r="N15" s="204"/>
    </row>
    <row r="16" spans="1:14" s="59" customFormat="1" ht="14.1" customHeight="1">
      <c r="A16" s="585">
        <v>25</v>
      </c>
      <c r="B16" s="201">
        <v>9072533</v>
      </c>
      <c r="C16" s="199">
        <v>1176417</v>
      </c>
      <c r="D16" s="199">
        <v>5890458</v>
      </c>
      <c r="E16" s="199">
        <v>1953430</v>
      </c>
      <c r="F16" s="584">
        <v>13.041876078469631</v>
      </c>
      <c r="G16" s="584">
        <v>65.302204304621625</v>
      </c>
      <c r="H16" s="584">
        <v>21.655919616908744</v>
      </c>
      <c r="I16" s="200">
        <v>44.14</v>
      </c>
      <c r="J16" s="572"/>
      <c r="K16" s="206"/>
      <c r="L16" s="30"/>
      <c r="M16" s="30"/>
      <c r="N16" s="204"/>
    </row>
    <row r="17" spans="1:14" s="59" customFormat="1" ht="14.1" customHeight="1">
      <c r="A17" s="585">
        <v>24</v>
      </c>
      <c r="B17" s="201">
        <v>9060257</v>
      </c>
      <c r="C17" s="199">
        <v>1182523</v>
      </c>
      <c r="D17" s="199">
        <v>5957088</v>
      </c>
      <c r="E17" s="199">
        <v>1868418</v>
      </c>
      <c r="F17" s="584">
        <v>13.127433315323476</v>
      </c>
      <c r="G17" s="584">
        <v>66.130870582232802</v>
      </c>
      <c r="H17" s="584">
        <v>20.741696102443722</v>
      </c>
      <c r="I17" s="200">
        <v>43.82</v>
      </c>
      <c r="J17" s="572"/>
      <c r="K17" s="206"/>
      <c r="L17" s="30"/>
      <c r="M17" s="30"/>
      <c r="N17" s="204"/>
    </row>
    <row r="18" spans="1:14" s="59" customFormat="1" ht="14.1" customHeight="1">
      <c r="A18" s="585">
        <v>23</v>
      </c>
      <c r="B18" s="201">
        <v>9051028</v>
      </c>
      <c r="C18" s="199">
        <v>1187930</v>
      </c>
      <c r="D18" s="199">
        <v>5986215</v>
      </c>
      <c r="E18" s="199">
        <v>1824655</v>
      </c>
      <c r="F18" s="584">
        <v>13.200982353202651</v>
      </c>
      <c r="G18" s="584">
        <v>66.522369649286574</v>
      </c>
      <c r="H18" s="584">
        <v>20.276647997510779</v>
      </c>
      <c r="I18" s="200">
        <v>43.49</v>
      </c>
      <c r="J18" s="572"/>
      <c r="K18" s="206"/>
      <c r="L18" s="30"/>
      <c r="M18" s="30"/>
      <c r="N18" s="204"/>
    </row>
    <row r="19" spans="1:14" s="59" customFormat="1" ht="14.1" customHeight="1">
      <c r="A19" s="585">
        <v>22</v>
      </c>
      <c r="B19" s="201">
        <v>9008132</v>
      </c>
      <c r="C19" s="199">
        <v>1198085</v>
      </c>
      <c r="D19" s="199">
        <v>5986690</v>
      </c>
      <c r="E19" s="199">
        <v>1784794</v>
      </c>
      <c r="F19" s="584">
        <v>13.357219282219694</v>
      </c>
      <c r="G19" s="584">
        <v>66.744455614311022</v>
      </c>
      <c r="H19" s="584">
        <v>19.898325103469297</v>
      </c>
      <c r="I19" s="200">
        <v>43.12</v>
      </c>
      <c r="J19" s="572"/>
      <c r="K19" s="206"/>
      <c r="L19" s="30"/>
      <c r="M19" s="30"/>
      <c r="N19" s="204"/>
    </row>
    <row r="20" spans="1:14" s="59" customFormat="1" ht="14.1" customHeight="1">
      <c r="A20" s="585">
        <v>21</v>
      </c>
      <c r="B20" s="201">
        <v>8965352</v>
      </c>
      <c r="C20" s="199">
        <v>1198718</v>
      </c>
      <c r="D20" s="199">
        <v>6007853</v>
      </c>
      <c r="E20" s="199">
        <v>1720218</v>
      </c>
      <c r="F20" s="584">
        <v>13.428322322841954</v>
      </c>
      <c r="G20" s="584">
        <v>67.301389110910989</v>
      </c>
      <c r="H20" s="584">
        <v>19.270288566247057</v>
      </c>
      <c r="I20" s="200">
        <v>42.81</v>
      </c>
      <c r="J20" s="572"/>
      <c r="K20" s="206"/>
      <c r="L20" s="30"/>
      <c r="M20" s="30"/>
      <c r="N20" s="204"/>
    </row>
    <row r="21" spans="1:14" s="59" customFormat="1" ht="14.1" customHeight="1">
      <c r="A21" s="585">
        <v>20</v>
      </c>
      <c r="B21" s="201">
        <v>8910256</v>
      </c>
      <c r="C21" s="199">
        <v>1194630</v>
      </c>
      <c r="D21" s="199">
        <v>6030983</v>
      </c>
      <c r="E21" s="199">
        <v>1646080</v>
      </c>
      <c r="F21" s="584">
        <v>13.465637280280099</v>
      </c>
      <c r="G21" s="584">
        <v>67.980068742234437</v>
      </c>
      <c r="H21" s="584">
        <v>18.554293977485472</v>
      </c>
      <c r="I21" s="200">
        <v>42.51</v>
      </c>
      <c r="J21" s="572"/>
      <c r="K21" s="206"/>
      <c r="L21" s="30"/>
      <c r="M21" s="30"/>
      <c r="N21" s="204"/>
    </row>
    <row r="22" spans="1:14" s="59" customFormat="1" ht="14.1" customHeight="1">
      <c r="A22" s="585">
        <v>19</v>
      </c>
      <c r="B22" s="201">
        <v>8848166</v>
      </c>
      <c r="C22" s="199">
        <v>1188349</v>
      </c>
      <c r="D22" s="199">
        <v>6048689</v>
      </c>
      <c r="E22" s="199">
        <v>1572565</v>
      </c>
      <c r="F22" s="584">
        <v>13.489245769644784</v>
      </c>
      <c r="G22" s="584">
        <v>68.660176854734544</v>
      </c>
      <c r="H22" s="584">
        <v>17.85057737562067</v>
      </c>
      <c r="I22" s="200">
        <v>42.21</v>
      </c>
      <c r="J22" s="572"/>
      <c r="K22" s="206"/>
      <c r="L22" s="30"/>
      <c r="M22" s="30"/>
      <c r="N22" s="204"/>
    </row>
    <row r="23" spans="1:14" s="59" customFormat="1" ht="14.1" customHeight="1">
      <c r="A23" s="585">
        <v>18</v>
      </c>
      <c r="B23" s="201">
        <v>8801632</v>
      </c>
      <c r="C23" s="199">
        <v>1185286</v>
      </c>
      <c r="D23" s="199">
        <v>6081313</v>
      </c>
      <c r="E23" s="199">
        <v>1496470</v>
      </c>
      <c r="F23" s="584">
        <v>13.525923395102787</v>
      </c>
      <c r="G23" s="584">
        <v>69.397068538431</v>
      </c>
      <c r="H23" s="584">
        <v>17.077008066466213</v>
      </c>
      <c r="I23" s="200">
        <v>41.88</v>
      </c>
      <c r="J23" s="572"/>
      <c r="K23" s="206"/>
      <c r="L23" s="30"/>
      <c r="M23" s="30"/>
      <c r="N23" s="204"/>
    </row>
    <row r="24" spans="1:14" s="59" customFormat="1" ht="14.1" customHeight="1">
      <c r="A24" s="585">
        <v>17</v>
      </c>
      <c r="B24" s="201">
        <v>8748731</v>
      </c>
      <c r="C24" s="199">
        <v>1195834</v>
      </c>
      <c r="D24" s="199">
        <v>6121210</v>
      </c>
      <c r="E24" s="199">
        <v>1416942</v>
      </c>
      <c r="F24" s="584">
        <v>13.691732503349559</v>
      </c>
      <c r="G24" s="584">
        <v>70.084953193192661</v>
      </c>
      <c r="H24" s="584">
        <v>16.22331430345778</v>
      </c>
      <c r="I24" s="200">
        <v>41.38</v>
      </c>
      <c r="J24" s="572"/>
      <c r="K24" s="206"/>
      <c r="L24" s="30"/>
      <c r="M24" s="30"/>
      <c r="N24" s="204"/>
    </row>
    <row r="25" spans="1:14" s="59" customFormat="1" ht="14.1" customHeight="1">
      <c r="A25" s="585">
        <v>16</v>
      </c>
      <c r="B25" s="201">
        <v>8697720</v>
      </c>
      <c r="C25" s="199">
        <v>1191489</v>
      </c>
      <c r="D25" s="199">
        <v>6130022</v>
      </c>
      <c r="E25" s="199">
        <v>1361464</v>
      </c>
      <c r="F25" s="584">
        <v>13.722128648303144</v>
      </c>
      <c r="G25" s="584">
        <v>70.598176316297128</v>
      </c>
      <c r="H25" s="584">
        <v>15.679695035399732</v>
      </c>
      <c r="I25" s="200">
        <v>41.03</v>
      </c>
      <c r="J25" s="572"/>
      <c r="K25" s="206"/>
      <c r="L25" s="30"/>
      <c r="M25" s="30"/>
      <c r="N25" s="204"/>
    </row>
    <row r="26" spans="1:14" s="59" customFormat="1" ht="14.1" customHeight="1">
      <c r="A26" s="585">
        <v>15</v>
      </c>
      <c r="B26" s="201">
        <v>8639665</v>
      </c>
      <c r="C26" s="199">
        <v>1191320</v>
      </c>
      <c r="D26" s="199">
        <v>6125757</v>
      </c>
      <c r="E26" s="199">
        <v>1307843</v>
      </c>
      <c r="F26" s="584">
        <v>13.812533913358038</v>
      </c>
      <c r="G26" s="584">
        <v>71.023928337886034</v>
      </c>
      <c r="H26" s="584">
        <v>15.163537748755932</v>
      </c>
      <c r="I26" s="200">
        <v>40.68</v>
      </c>
      <c r="J26" s="572"/>
      <c r="K26" s="206"/>
      <c r="L26" s="30"/>
      <c r="M26" s="30"/>
      <c r="N26" s="204"/>
    </row>
    <row r="27" spans="1:14" s="59" customFormat="1" ht="14.1" customHeight="1">
      <c r="A27" s="585">
        <v>14</v>
      </c>
      <c r="B27" s="201">
        <v>8575372</v>
      </c>
      <c r="C27" s="199">
        <v>1187725</v>
      </c>
      <c r="D27" s="199">
        <v>6129534</v>
      </c>
      <c r="E27" s="199">
        <v>1243368</v>
      </c>
      <c r="F27" s="584">
        <v>13.87427579778911</v>
      </c>
      <c r="G27" s="584">
        <v>71.60146096775388</v>
      </c>
      <c r="H27" s="584">
        <v>14.524263234457008</v>
      </c>
      <c r="I27" s="200">
        <v>40.35</v>
      </c>
      <c r="J27" s="572"/>
      <c r="K27" s="206"/>
      <c r="L27" s="30"/>
      <c r="M27" s="30"/>
      <c r="N27" s="204"/>
    </row>
    <row r="28" spans="1:14" s="59" customFormat="1" ht="14.1" customHeight="1">
      <c r="A28" s="585">
        <v>13</v>
      </c>
      <c r="B28" s="201">
        <v>8503498</v>
      </c>
      <c r="C28" s="199">
        <v>1184493</v>
      </c>
      <c r="D28" s="199">
        <v>6119673</v>
      </c>
      <c r="E28" s="199">
        <v>1184587</v>
      </c>
      <c r="F28" s="584">
        <v>13.953674939063488</v>
      </c>
      <c r="G28" s="584">
        <v>72.091542774303832</v>
      </c>
      <c r="H28" s="584">
        <v>13.954782286632678</v>
      </c>
      <c r="I28" s="200">
        <v>40.020000000000003</v>
      </c>
      <c r="J28" s="572"/>
      <c r="K28" s="206"/>
      <c r="L28" s="30"/>
      <c r="M28" s="30"/>
      <c r="N28" s="204"/>
    </row>
    <row r="29" spans="1:14" s="59" customFormat="1" ht="14.1" customHeight="1">
      <c r="A29" s="585">
        <v>12</v>
      </c>
      <c r="B29" s="201">
        <v>8446174</v>
      </c>
      <c r="C29" s="199">
        <v>1191311</v>
      </c>
      <c r="D29" s="199">
        <v>6130079</v>
      </c>
      <c r="E29" s="199">
        <v>1117742</v>
      </c>
      <c r="F29" s="584">
        <v>14.116511034547155</v>
      </c>
      <c r="G29" s="584">
        <v>72.638738201985703</v>
      </c>
      <c r="H29" s="584">
        <v>13.244750763467145</v>
      </c>
      <c r="I29" s="200">
        <v>39.630000000000003</v>
      </c>
      <c r="J29" s="572"/>
      <c r="K29" s="206"/>
      <c r="L29" s="30"/>
      <c r="M29" s="30"/>
      <c r="N29" s="204"/>
    </row>
    <row r="30" spans="1:14" s="59" customFormat="1" ht="14.1" customHeight="1">
      <c r="A30" s="585">
        <v>11</v>
      </c>
      <c r="B30" s="201">
        <v>8398336</v>
      </c>
      <c r="C30" s="199">
        <v>1198051</v>
      </c>
      <c r="D30" s="199">
        <v>6124566</v>
      </c>
      <c r="E30" s="199">
        <v>1068677</v>
      </c>
      <c r="F30" s="584">
        <v>14.277309316060194</v>
      </c>
      <c r="G30" s="584">
        <v>72.987145963423515</v>
      </c>
      <c r="H30" s="584">
        <v>12.735544720516287</v>
      </c>
      <c r="I30" s="200">
        <v>39.270000000000003</v>
      </c>
      <c r="J30" s="572"/>
      <c r="K30" s="206"/>
      <c r="L30" s="30"/>
      <c r="M30" s="30"/>
      <c r="N30" s="204"/>
    </row>
    <row r="31" spans="1:14" s="59" customFormat="1" ht="14.1" customHeight="1">
      <c r="A31" s="585">
        <v>10</v>
      </c>
      <c r="B31" s="201">
        <v>8340837</v>
      </c>
      <c r="C31" s="199">
        <v>1205308</v>
      </c>
      <c r="D31" s="199">
        <v>6111478</v>
      </c>
      <c r="E31" s="199">
        <v>1017009</v>
      </c>
      <c r="F31" s="584">
        <v>14.462894755630536</v>
      </c>
      <c r="G31" s="584">
        <v>73.333673314498384</v>
      </c>
      <c r="H31" s="584">
        <v>12.203431929871085</v>
      </c>
      <c r="I31" s="200">
        <v>38.92</v>
      </c>
      <c r="J31" s="572"/>
      <c r="K31" s="206"/>
      <c r="L31" s="30"/>
      <c r="M31" s="30"/>
      <c r="N31" s="204"/>
    </row>
    <row r="32" spans="1:14" s="59" customFormat="1" ht="14.1" customHeight="1">
      <c r="A32" s="583" t="s">
        <v>408</v>
      </c>
      <c r="B32" s="201">
        <v>8295504</v>
      </c>
      <c r="C32" s="199">
        <v>1215470</v>
      </c>
      <c r="D32" s="199">
        <v>6106788</v>
      </c>
      <c r="E32" s="199">
        <v>966204</v>
      </c>
      <c r="F32" s="584">
        <v>14.664602431669472</v>
      </c>
      <c r="G32" s="584">
        <v>73.678180584045634</v>
      </c>
      <c r="H32" s="584">
        <v>11.657216984284901</v>
      </c>
      <c r="I32" s="200">
        <v>38.53</v>
      </c>
      <c r="J32" s="572"/>
      <c r="K32" s="206"/>
      <c r="L32" s="30"/>
      <c r="M32" s="30"/>
      <c r="N32" s="204"/>
    </row>
    <row r="33" spans="1:21" s="59" customFormat="1" ht="14.1" customHeight="1">
      <c r="A33" s="583" t="s">
        <v>409</v>
      </c>
      <c r="B33" s="201">
        <v>8252665</v>
      </c>
      <c r="C33" s="199">
        <v>1227976</v>
      </c>
      <c r="D33" s="199">
        <v>6099672</v>
      </c>
      <c r="E33" s="199">
        <v>917975</v>
      </c>
      <c r="F33" s="584">
        <v>14.892458702028943</v>
      </c>
      <c r="G33" s="584">
        <v>73.974665104140698</v>
      </c>
      <c r="H33" s="584">
        <v>11.132876193830352</v>
      </c>
      <c r="I33" s="200">
        <v>38.119999999999997</v>
      </c>
      <c r="J33" s="572"/>
      <c r="K33" s="206"/>
      <c r="L33" s="30"/>
      <c r="M33" s="30"/>
      <c r="N33" s="204"/>
    </row>
    <row r="34" spans="1:21" s="59" customFormat="1" ht="14.1" customHeight="1">
      <c r="A34" s="585" t="s">
        <v>410</v>
      </c>
      <c r="B34" s="201">
        <v>8238840</v>
      </c>
      <c r="C34" s="199">
        <v>1250044</v>
      </c>
      <c r="D34" s="199">
        <v>6091411</v>
      </c>
      <c r="E34" s="199">
        <v>871804</v>
      </c>
      <c r="F34" s="584">
        <v>15.219829302838253</v>
      </c>
      <c r="G34" s="584">
        <v>74.165577878403681</v>
      </c>
      <c r="H34" s="584">
        <v>10.614592818758059</v>
      </c>
      <c r="I34" s="200">
        <v>37.65</v>
      </c>
      <c r="J34" s="572"/>
      <c r="K34" s="206"/>
      <c r="L34" s="30"/>
      <c r="M34" s="30"/>
      <c r="N34" s="204"/>
    </row>
    <row r="35" spans="1:21" s="59" customFormat="1" ht="14.1" customHeight="1">
      <c r="A35" s="585" t="s">
        <v>411</v>
      </c>
      <c r="B35" s="201">
        <v>8196872</v>
      </c>
      <c r="C35" s="199">
        <v>1269574</v>
      </c>
      <c r="D35" s="199">
        <v>6071053</v>
      </c>
      <c r="E35" s="199">
        <v>830664</v>
      </c>
      <c r="F35" s="584">
        <v>15.537006331068126</v>
      </c>
      <c r="G35" s="584">
        <v>74.297353992165981</v>
      </c>
      <c r="H35" s="584">
        <v>10.165639676765887</v>
      </c>
      <c r="I35" s="200">
        <v>37.24</v>
      </c>
      <c r="J35" s="572"/>
      <c r="K35" s="206"/>
      <c r="L35" s="30"/>
      <c r="M35" s="30"/>
      <c r="N35" s="204"/>
    </row>
    <row r="36" spans="1:21" s="59" customFormat="1" ht="14.1" customHeight="1">
      <c r="A36" s="585" t="s">
        <v>412</v>
      </c>
      <c r="B36" s="201">
        <v>8148512</v>
      </c>
      <c r="C36" s="199">
        <v>1299095</v>
      </c>
      <c r="D36" s="199">
        <v>6034343</v>
      </c>
      <c r="E36" s="199">
        <v>789493</v>
      </c>
      <c r="F36" s="584">
        <v>15.992934077613119</v>
      </c>
      <c r="G36" s="584">
        <v>74.287754013914437</v>
      </c>
      <c r="H36" s="584">
        <v>9.7193119084724469</v>
      </c>
      <c r="I36" s="200">
        <v>36.81</v>
      </c>
      <c r="J36" s="572"/>
      <c r="K36" s="206"/>
      <c r="L36" s="30"/>
      <c r="M36" s="30"/>
      <c r="N36" s="204"/>
    </row>
    <row r="37" spans="1:21" s="59" customFormat="1" ht="14.1" customHeight="1">
      <c r="A37" s="585" t="s">
        <v>413</v>
      </c>
      <c r="B37" s="201">
        <v>8084849</v>
      </c>
      <c r="C37" s="199">
        <v>1332298</v>
      </c>
      <c r="D37" s="199">
        <v>5975733</v>
      </c>
      <c r="E37" s="199">
        <v>751237</v>
      </c>
      <c r="F37" s="584">
        <v>16.531253210589352</v>
      </c>
      <c r="G37" s="584">
        <v>74.147341917404901</v>
      </c>
      <c r="H37" s="584">
        <v>9.3214048720057452</v>
      </c>
      <c r="I37" s="200">
        <v>36.4</v>
      </c>
      <c r="J37" s="572"/>
      <c r="K37" s="206"/>
      <c r="L37" s="30"/>
      <c r="M37" s="30"/>
      <c r="N37" s="204"/>
    </row>
    <row r="38" spans="1:21" s="59" customFormat="1" ht="14.1" customHeight="1">
      <c r="A38" s="585" t="s">
        <v>414</v>
      </c>
      <c r="B38" s="201">
        <v>7998717</v>
      </c>
      <c r="C38" s="199">
        <v>1367210</v>
      </c>
      <c r="D38" s="199">
        <v>5892622</v>
      </c>
      <c r="E38" s="199">
        <v>713304</v>
      </c>
      <c r="F38" s="584">
        <v>17.147707000106358</v>
      </c>
      <c r="G38" s="584">
        <v>73.90595118407613</v>
      </c>
      <c r="H38" s="584">
        <v>8.9463418158175152</v>
      </c>
      <c r="I38" s="200">
        <v>36.01</v>
      </c>
      <c r="J38" s="572"/>
      <c r="K38" s="206"/>
      <c r="L38" s="30"/>
      <c r="M38" s="30"/>
      <c r="N38" s="204"/>
    </row>
    <row r="39" spans="1:21" s="59" customFormat="1" ht="14.1" customHeight="1">
      <c r="A39" s="585" t="s">
        <v>415</v>
      </c>
      <c r="B39" s="201">
        <v>7910382</v>
      </c>
      <c r="C39" s="199">
        <v>1408088</v>
      </c>
      <c r="D39" s="199">
        <v>5823321</v>
      </c>
      <c r="E39" s="199">
        <v>675579</v>
      </c>
      <c r="F39" s="584">
        <v>17.808146414285691</v>
      </c>
      <c r="G39" s="584">
        <v>73.647778395515459</v>
      </c>
      <c r="H39" s="584">
        <v>8.5440751901988463</v>
      </c>
      <c r="I39" s="200">
        <v>35.6</v>
      </c>
      <c r="J39" s="572"/>
      <c r="K39" s="206"/>
      <c r="L39" s="30"/>
      <c r="M39" s="30"/>
      <c r="N39" s="204"/>
    </row>
    <row r="40" spans="1:21" s="59" customFormat="1" ht="14.1" customHeight="1">
      <c r="A40" s="585" t="s">
        <v>416</v>
      </c>
      <c r="B40" s="201">
        <v>7810104</v>
      </c>
      <c r="C40" s="199">
        <v>1457657</v>
      </c>
      <c r="D40" s="199">
        <v>5705153</v>
      </c>
      <c r="E40" s="199">
        <v>643900</v>
      </c>
      <c r="F40" s="584">
        <v>18.671847679752418</v>
      </c>
      <c r="G40" s="584">
        <v>73.08011953819215</v>
      </c>
      <c r="H40" s="584">
        <v>8.2480327820554358</v>
      </c>
      <c r="I40" s="200">
        <v>35.19</v>
      </c>
      <c r="J40" s="572"/>
      <c r="K40" s="206"/>
      <c r="L40" s="30"/>
      <c r="M40" s="30"/>
      <c r="N40" s="204"/>
    </row>
    <row r="41" spans="1:21" s="59" customFormat="1" ht="14.1" customHeight="1">
      <c r="A41" s="585">
        <v>63</v>
      </c>
      <c r="B41" s="201">
        <v>7701087</v>
      </c>
      <c r="C41" s="199">
        <v>1506107</v>
      </c>
      <c r="D41" s="199">
        <v>5576559</v>
      </c>
      <c r="E41" s="199">
        <v>615027</v>
      </c>
      <c r="F41" s="584">
        <v>19.56569325380994</v>
      </c>
      <c r="G41" s="584">
        <v>72.444549295483725</v>
      </c>
      <c r="H41" s="584">
        <v>7.9897574507063345</v>
      </c>
      <c r="I41" s="200">
        <v>34.799999999999997</v>
      </c>
      <c r="J41" s="572"/>
      <c r="K41" s="206"/>
      <c r="L41" s="30"/>
      <c r="M41" s="30"/>
      <c r="N41" s="204"/>
    </row>
    <row r="42" spans="1:21" s="59" customFormat="1" ht="14.1" customHeight="1">
      <c r="A42" s="585">
        <v>62</v>
      </c>
      <c r="B42" s="201">
        <v>7572197</v>
      </c>
      <c r="C42" s="199">
        <v>1545835</v>
      </c>
      <c r="D42" s="199">
        <v>5435343</v>
      </c>
      <c r="E42" s="199">
        <v>587625</v>
      </c>
      <c r="F42" s="584">
        <v>20.423771103568161</v>
      </c>
      <c r="G42" s="584">
        <v>71.812451717926862</v>
      </c>
      <c r="H42" s="584">
        <v>7.7637771785049772</v>
      </c>
      <c r="I42" s="200">
        <v>34.42</v>
      </c>
      <c r="J42" s="572"/>
      <c r="K42" s="206"/>
      <c r="L42" s="30"/>
      <c r="M42" s="30"/>
      <c r="N42" s="204"/>
    </row>
    <row r="43" spans="1:21" s="59" customFormat="1" ht="14.1" customHeight="1">
      <c r="A43" s="585">
        <v>61</v>
      </c>
      <c r="B43" s="201">
        <v>7452607</v>
      </c>
      <c r="C43" s="199">
        <v>1586750</v>
      </c>
      <c r="D43" s="199">
        <v>5302169</v>
      </c>
      <c r="E43" s="199">
        <v>560294</v>
      </c>
      <c r="F43" s="584">
        <v>21.300907894565508</v>
      </c>
      <c r="G43" s="584">
        <v>71.177572718084448</v>
      </c>
      <c r="H43" s="584">
        <v>7.5215193873500468</v>
      </c>
      <c r="I43" s="200">
        <v>34.03</v>
      </c>
      <c r="J43" s="572"/>
      <c r="K43" s="206"/>
      <c r="L43" s="30"/>
      <c r="M43" s="30"/>
      <c r="N43" s="204"/>
    </row>
    <row r="44" spans="1:21" s="59" customFormat="1" ht="14.1" customHeight="1">
      <c r="A44" s="585">
        <v>60</v>
      </c>
      <c r="B44" s="201">
        <v>7349993</v>
      </c>
      <c r="C44" s="199">
        <v>1622658</v>
      </c>
      <c r="D44" s="199">
        <v>5187620</v>
      </c>
      <c r="E44" s="199">
        <v>534020</v>
      </c>
      <c r="F44" s="584">
        <v>22.094119819212128</v>
      </c>
      <c r="G44" s="584">
        <v>70.634661066312944</v>
      </c>
      <c r="H44" s="584">
        <v>7.2712191144749303</v>
      </c>
      <c r="I44" s="200">
        <v>33.65</v>
      </c>
      <c r="J44" s="572"/>
      <c r="K44" s="206"/>
      <c r="L44" s="30"/>
      <c r="M44" s="30"/>
      <c r="N44" s="204"/>
    </row>
    <row r="45" spans="1:21" s="59" customFormat="1" ht="14.1" customHeight="1">
      <c r="A45" s="585">
        <v>59</v>
      </c>
      <c r="B45" s="201">
        <v>7248578</v>
      </c>
      <c r="C45" s="199">
        <v>1653053</v>
      </c>
      <c r="D45" s="199">
        <v>5077659</v>
      </c>
      <c r="E45" s="199">
        <v>512171</v>
      </c>
      <c r="F45" s="584">
        <v>22.823135483480819</v>
      </c>
      <c r="G45" s="584">
        <v>70.105495284129262</v>
      </c>
      <c r="H45" s="584">
        <v>7.0713692323899195</v>
      </c>
      <c r="I45" s="200">
        <v>33.26</v>
      </c>
      <c r="J45" s="572"/>
      <c r="K45" s="206"/>
      <c r="L45" s="30"/>
      <c r="M45" s="30"/>
      <c r="N45" s="204"/>
    </row>
    <row r="46" spans="1:21" s="59" customFormat="1" ht="14.1" customHeight="1">
      <c r="A46" s="585">
        <v>58</v>
      </c>
      <c r="B46" s="201">
        <v>7148043</v>
      </c>
      <c r="C46" s="199">
        <v>1678850</v>
      </c>
      <c r="D46" s="199">
        <v>4970965</v>
      </c>
      <c r="E46" s="199">
        <v>492533</v>
      </c>
      <c r="F46" s="584">
        <v>23.505575477420031</v>
      </c>
      <c r="G46" s="584">
        <v>69.598470979011381</v>
      </c>
      <c r="H46" s="584">
        <v>6.8959535435685853</v>
      </c>
      <c r="I46" s="200">
        <v>32.869999999999997</v>
      </c>
      <c r="J46" s="572"/>
      <c r="K46" s="206"/>
      <c r="L46" s="30"/>
      <c r="M46" s="30"/>
      <c r="N46" s="204"/>
    </row>
    <row r="47" spans="1:21" s="59" customFormat="1" ht="14.1" customHeight="1">
      <c r="A47" s="585">
        <v>57</v>
      </c>
      <c r="B47" s="201">
        <v>7044560</v>
      </c>
      <c r="C47" s="199">
        <v>1704786</v>
      </c>
      <c r="D47" s="199">
        <v>4864130</v>
      </c>
      <c r="E47" s="199">
        <v>469949</v>
      </c>
      <c r="F47" s="584">
        <v>24.219614952126513</v>
      </c>
      <c r="G47" s="584">
        <v>69.10389672198572</v>
      </c>
      <c r="H47" s="584">
        <v>6.6764883258877683</v>
      </c>
      <c r="I47" s="200">
        <v>32.479999999999997</v>
      </c>
      <c r="J47" s="572"/>
      <c r="K47" s="206"/>
      <c r="L47" s="30"/>
      <c r="M47" s="30"/>
      <c r="N47" s="204"/>
    </row>
    <row r="48" spans="1:21" s="59" customFormat="1" ht="14.1" customHeight="1">
      <c r="A48" s="585">
        <v>56</v>
      </c>
      <c r="B48" s="201">
        <v>6943574</v>
      </c>
      <c r="C48" s="199">
        <v>1698128</v>
      </c>
      <c r="D48" s="199">
        <v>4791580</v>
      </c>
      <c r="E48" s="199">
        <v>448171</v>
      </c>
      <c r="F48" s="584">
        <v>24.476183571376787</v>
      </c>
      <c r="G48" s="584">
        <v>69.06404680738882</v>
      </c>
      <c r="H48" s="584">
        <v>6.4597696212343862</v>
      </c>
      <c r="I48" s="200">
        <v>32.08</v>
      </c>
      <c r="J48" s="572"/>
      <c r="K48" s="206"/>
      <c r="L48" s="586"/>
      <c r="M48" s="202"/>
      <c r="N48" s="202"/>
      <c r="O48" s="202"/>
      <c r="P48" s="202"/>
      <c r="Q48" s="202"/>
      <c r="R48" s="202"/>
      <c r="S48" s="202"/>
      <c r="T48" s="202"/>
      <c r="U48" s="202"/>
    </row>
    <row r="49" spans="1:21" s="59" customFormat="1" ht="14.1" customHeight="1">
      <c r="A49" s="585">
        <v>55</v>
      </c>
      <c r="B49" s="201">
        <v>6883651</v>
      </c>
      <c r="C49" s="199">
        <v>1720348</v>
      </c>
      <c r="D49" s="199">
        <v>4731491</v>
      </c>
      <c r="E49" s="199">
        <v>428162</v>
      </c>
      <c r="F49" s="584">
        <v>25.00505450507929</v>
      </c>
      <c r="G49" s="584">
        <v>68.771661515746871</v>
      </c>
      <c r="H49" s="584">
        <v>6.2232839791738401</v>
      </c>
      <c r="I49" s="200">
        <v>31.73</v>
      </c>
      <c r="J49" s="572"/>
      <c r="K49" s="206"/>
      <c r="L49" s="203"/>
      <c r="M49" s="202"/>
      <c r="N49" s="202"/>
      <c r="O49" s="202"/>
      <c r="P49" s="202"/>
      <c r="Q49" s="202"/>
      <c r="R49" s="202"/>
      <c r="S49" s="202"/>
      <c r="T49" s="202"/>
      <c r="U49" s="202"/>
    </row>
    <row r="50" spans="1:21" s="59" customFormat="1" ht="14.1" customHeight="1">
      <c r="A50" s="585">
        <v>54</v>
      </c>
      <c r="B50" s="201">
        <v>6779411</v>
      </c>
      <c r="C50" s="199">
        <v>1714289</v>
      </c>
      <c r="D50" s="199">
        <v>4657131</v>
      </c>
      <c r="E50" s="199">
        <v>404341</v>
      </c>
      <c r="F50" s="584">
        <v>25.300316820501784</v>
      </c>
      <c r="G50" s="584">
        <v>68.732220631748959</v>
      </c>
      <c r="H50" s="584">
        <v>5.9674625477492489</v>
      </c>
      <c r="I50" s="200">
        <v>31.37</v>
      </c>
      <c r="J50" s="572"/>
      <c r="K50" s="206"/>
      <c r="L50" s="30"/>
      <c r="M50" s="30"/>
      <c r="N50" s="204"/>
    </row>
    <row r="51" spans="1:21" s="59" customFormat="1" ht="14.1" customHeight="1">
      <c r="A51" s="585">
        <v>53</v>
      </c>
      <c r="B51" s="201">
        <v>6660537</v>
      </c>
      <c r="C51" s="199">
        <v>1698314</v>
      </c>
      <c r="D51" s="199">
        <v>4576824</v>
      </c>
      <c r="E51" s="199">
        <v>381749</v>
      </c>
      <c r="F51" s="584">
        <v>25.51213502647709</v>
      </c>
      <c r="G51" s="584">
        <v>68.753217532459246</v>
      </c>
      <c r="H51" s="584">
        <v>5.734647441063669</v>
      </c>
      <c r="I51" s="200">
        <v>31.01</v>
      </c>
      <c r="J51" s="572"/>
      <c r="K51" s="206"/>
      <c r="L51" s="30"/>
      <c r="M51" s="30"/>
      <c r="N51" s="204"/>
    </row>
    <row r="52" spans="1:21" s="59" customFormat="1" ht="14.1" customHeight="1">
      <c r="A52" s="585">
        <v>52</v>
      </c>
      <c r="B52" s="201">
        <v>6542272</v>
      </c>
      <c r="C52" s="199">
        <v>1676175</v>
      </c>
      <c r="D52" s="199">
        <v>4501351</v>
      </c>
      <c r="E52" s="199">
        <v>361096</v>
      </c>
      <c r="F52" s="584">
        <v>25.634988534281383</v>
      </c>
      <c r="G52" s="584">
        <v>68.842502288708545</v>
      </c>
      <c r="H52" s="584">
        <v>5.5225091770100789</v>
      </c>
      <c r="I52" s="200">
        <v>30.67</v>
      </c>
      <c r="J52" s="572"/>
      <c r="K52" s="206"/>
      <c r="L52" s="30"/>
      <c r="M52" s="30"/>
      <c r="N52" s="204"/>
    </row>
    <row r="53" spans="1:21" s="59" customFormat="1" ht="14.1" customHeight="1" thickBot="1">
      <c r="A53" s="585">
        <v>51</v>
      </c>
      <c r="B53" s="201">
        <v>6422834</v>
      </c>
      <c r="C53" s="199">
        <v>1640429</v>
      </c>
      <c r="D53" s="199">
        <v>4437790</v>
      </c>
      <c r="E53" s="199">
        <v>340965</v>
      </c>
      <c r="F53" s="584">
        <v>25.555101707631373</v>
      </c>
      <c r="G53" s="584">
        <v>69.133241857532042</v>
      </c>
      <c r="H53" s="584">
        <v>5.3116564348365776</v>
      </c>
      <c r="I53" s="200">
        <v>30.35</v>
      </c>
      <c r="J53" s="572"/>
      <c r="K53" s="206"/>
      <c r="L53" s="30"/>
      <c r="M53" s="30"/>
      <c r="N53" s="204"/>
    </row>
    <row r="54" spans="1:21" s="59" customFormat="1" ht="7.5" customHeight="1" thickTop="1">
      <c r="A54" s="587"/>
      <c r="B54" s="588"/>
      <c r="C54" s="588"/>
      <c r="D54" s="588"/>
      <c r="E54" s="588"/>
      <c r="F54" s="588"/>
      <c r="G54" s="588"/>
      <c r="H54" s="588"/>
      <c r="I54" s="588"/>
      <c r="J54" s="572"/>
      <c r="K54" s="206"/>
      <c r="L54" s="30"/>
      <c r="M54" s="30"/>
      <c r="N54" s="204"/>
    </row>
    <row r="55" spans="1:21" s="59" customFormat="1">
      <c r="A55" s="589" t="s">
        <v>417</v>
      </c>
      <c r="J55" s="572"/>
      <c r="K55" s="206"/>
      <c r="L55" s="30"/>
      <c r="M55" s="30"/>
      <c r="N55" s="204"/>
    </row>
    <row r="56" spans="1:21" s="59" customFormat="1">
      <c r="A56" s="589" t="s">
        <v>418</v>
      </c>
      <c r="J56" s="572"/>
      <c r="K56" s="206"/>
      <c r="L56" s="30"/>
      <c r="M56" s="30"/>
      <c r="N56" s="204"/>
    </row>
    <row r="57" spans="1:21" s="59" customFormat="1">
      <c r="A57" s="589"/>
      <c r="J57" s="572"/>
      <c r="K57" s="206"/>
      <c r="L57" s="30"/>
      <c r="M57" s="30"/>
      <c r="N57" s="204"/>
    </row>
    <row r="59" spans="1:21" s="204" customFormat="1" ht="11.25">
      <c r="B59" s="205"/>
      <c r="C59" s="205"/>
      <c r="D59" s="205"/>
      <c r="E59" s="590"/>
      <c r="J59" s="206"/>
      <c r="K59" s="206"/>
      <c r="L59" s="30"/>
      <c r="M59" s="30"/>
    </row>
    <row r="60" spans="1:21" s="204" customFormat="1" ht="11.25">
      <c r="B60" s="205"/>
      <c r="C60" s="205"/>
      <c r="D60" s="205"/>
      <c r="E60" s="590"/>
      <c r="J60" s="206"/>
      <c r="K60" s="206"/>
      <c r="L60" s="30"/>
      <c r="M60" s="30"/>
    </row>
    <row r="61" spans="1:21" s="204" customFormat="1" ht="11.25">
      <c r="B61" s="205"/>
      <c r="C61" s="205"/>
      <c r="D61" s="205"/>
      <c r="E61" s="590"/>
      <c r="J61" s="206"/>
      <c r="K61" s="206"/>
      <c r="L61" s="30"/>
      <c r="M61" s="30"/>
    </row>
    <row r="62" spans="1:21">
      <c r="B62" s="204"/>
    </row>
  </sheetData>
  <mergeCells count="6">
    <mergeCell ref="A2:B2"/>
    <mergeCell ref="C2:E2"/>
    <mergeCell ref="F2:H2"/>
    <mergeCell ref="I2:I4"/>
    <mergeCell ref="A3:A4"/>
    <mergeCell ref="B3:B4"/>
  </mergeCells>
  <phoneticPr fontId="2"/>
  <printOptions horizontalCentered="1"/>
  <pageMargins left="0.70866141732283472" right="0.70866141732283472" top="0.70866141732283472" bottom="0.70866141732283472" header="0.31496062992125984" footer="0.19685039370078741"/>
  <pageSetup paperSize="9" scale="20" firstPageNumber="55" orientation="portrait" blackAndWhite="1" r:id="rId1"/>
  <headerFooter scaleWithDoc="0"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63"/>
  <sheetViews>
    <sheetView zoomScale="90" zoomScaleNormal="90" zoomScaleSheetLayoutView="100" workbookViewId="0"/>
  </sheetViews>
  <sheetFormatPr defaultRowHeight="11.25"/>
  <cols>
    <col min="1" max="1" width="4.375" style="209" customWidth="1"/>
    <col min="2" max="2" width="11.25" style="209" customWidth="1"/>
    <col min="3" max="3" width="11" style="209" customWidth="1"/>
    <col min="4" max="4" width="4.375" style="209" customWidth="1"/>
    <col min="5" max="11" width="10" style="209" customWidth="1"/>
    <col min="12" max="16384" width="9" style="209"/>
  </cols>
  <sheetData>
    <row r="1" spans="1:13" ht="16.5" customHeight="1" thickBot="1">
      <c r="A1" s="895" t="s">
        <v>419</v>
      </c>
      <c r="B1" s="211"/>
      <c r="C1" s="212"/>
      <c r="D1" s="212"/>
      <c r="E1" s="212"/>
      <c r="L1" s="210"/>
    </row>
    <row r="2" spans="1:13" s="215" customFormat="1" ht="15" customHeight="1" thickTop="1">
      <c r="A2" s="936" t="s">
        <v>420</v>
      </c>
      <c r="B2" s="937"/>
      <c r="C2" s="213"/>
      <c r="D2" s="214"/>
      <c r="E2" s="214"/>
      <c r="F2" s="214"/>
      <c r="G2" s="214"/>
      <c r="H2" s="214"/>
      <c r="I2" s="214"/>
      <c r="J2" s="214"/>
      <c r="K2" s="214"/>
      <c r="M2" s="216"/>
    </row>
    <row r="3" spans="1:13" s="215" customFormat="1" ht="15" customHeight="1">
      <c r="A3" s="938"/>
      <c r="B3" s="939"/>
      <c r="C3" s="1015" t="s">
        <v>253</v>
      </c>
      <c r="D3" s="1016" t="s">
        <v>421</v>
      </c>
      <c r="E3" s="939"/>
      <c r="F3" s="217"/>
      <c r="G3" s="218"/>
      <c r="H3" s="219"/>
      <c r="I3" s="217"/>
      <c r="J3" s="218"/>
      <c r="K3" s="218"/>
    </row>
    <row r="4" spans="1:13" s="215" customFormat="1" ht="15" customHeight="1">
      <c r="A4" s="938"/>
      <c r="B4" s="939"/>
      <c r="C4" s="1015"/>
      <c r="D4" s="1016"/>
      <c r="E4" s="939"/>
      <c r="F4" s="220" t="s">
        <v>422</v>
      </c>
      <c r="G4" s="221" t="s">
        <v>423</v>
      </c>
      <c r="H4" s="221" t="s">
        <v>424</v>
      </c>
      <c r="I4" s="222" t="s">
        <v>425</v>
      </c>
      <c r="J4" s="223" t="s">
        <v>426</v>
      </c>
      <c r="K4" s="223" t="s">
        <v>427</v>
      </c>
    </row>
    <row r="5" spans="1:13" s="215" customFormat="1" ht="15" customHeight="1">
      <c r="A5" s="940"/>
      <c r="B5" s="941"/>
      <c r="C5" s="224"/>
      <c r="D5" s="1017" t="s">
        <v>428</v>
      </c>
      <c r="E5" s="941"/>
      <c r="F5" s="220" t="s">
        <v>429</v>
      </c>
      <c r="G5" s="220" t="s">
        <v>430</v>
      </c>
      <c r="H5" s="225" t="s">
        <v>431</v>
      </c>
      <c r="I5" s="222" t="s">
        <v>432</v>
      </c>
      <c r="J5" s="222" t="s">
        <v>433</v>
      </c>
      <c r="K5" s="220" t="s">
        <v>434</v>
      </c>
    </row>
    <row r="6" spans="1:13" ht="13.5" customHeight="1">
      <c r="A6" s="226"/>
      <c r="B6" s="227" t="s">
        <v>193</v>
      </c>
      <c r="C6" s="228"/>
      <c r="D6" s="229"/>
      <c r="E6" s="227" t="s">
        <v>192</v>
      </c>
      <c r="F6" s="230" t="s">
        <v>192</v>
      </c>
      <c r="G6" s="231" t="s">
        <v>192</v>
      </c>
      <c r="H6" s="232" t="s">
        <v>192</v>
      </c>
      <c r="I6" s="232" t="s">
        <v>192</v>
      </c>
      <c r="J6" s="227" t="s">
        <v>192</v>
      </c>
      <c r="K6" s="230" t="s">
        <v>192</v>
      </c>
    </row>
    <row r="7" spans="1:13" ht="13.5" customHeight="1">
      <c r="A7" s="233"/>
      <c r="B7" s="545">
        <v>9227901</v>
      </c>
      <c r="C7" s="234" t="s">
        <v>194</v>
      </c>
      <c r="D7" s="235"/>
      <c r="E7" s="546">
        <v>-3276</v>
      </c>
      <c r="F7" s="546">
        <v>-40970</v>
      </c>
      <c r="G7" s="546">
        <v>58118</v>
      </c>
      <c r="H7" s="546">
        <v>99088</v>
      </c>
      <c r="I7" s="546">
        <v>37694</v>
      </c>
      <c r="J7" s="546">
        <v>505665</v>
      </c>
      <c r="K7" s="546">
        <v>467971</v>
      </c>
    </row>
    <row r="8" spans="1:13" ht="13.5" customHeight="1">
      <c r="A8" s="236"/>
      <c r="B8" s="237"/>
      <c r="C8" s="238"/>
      <c r="D8" s="239"/>
      <c r="E8" s="240"/>
      <c r="F8" s="241"/>
      <c r="G8" s="241"/>
      <c r="H8" s="241"/>
      <c r="I8" s="241"/>
      <c r="J8" s="241"/>
      <c r="K8" s="242"/>
    </row>
    <row r="9" spans="1:13" ht="13.5" customHeight="1">
      <c r="A9" s="1013" t="s">
        <v>435</v>
      </c>
      <c r="B9" s="547">
        <v>310632</v>
      </c>
      <c r="C9" s="244" t="s">
        <v>436</v>
      </c>
      <c r="D9" s="1014" t="s">
        <v>437</v>
      </c>
      <c r="E9" s="548">
        <v>58647</v>
      </c>
      <c r="F9" s="548">
        <v>57972</v>
      </c>
      <c r="G9" s="548">
        <v>58118</v>
      </c>
      <c r="H9" s="548">
        <v>146</v>
      </c>
      <c r="I9" s="548">
        <v>675</v>
      </c>
      <c r="J9" s="548">
        <v>24531</v>
      </c>
      <c r="K9" s="548">
        <v>23856</v>
      </c>
    </row>
    <row r="10" spans="1:13" ht="13.5" customHeight="1">
      <c r="A10" s="1013"/>
      <c r="B10" s="547">
        <v>355954</v>
      </c>
      <c r="C10" s="549" t="s">
        <v>438</v>
      </c>
      <c r="D10" s="1014"/>
      <c r="E10" s="548">
        <v>103</v>
      </c>
      <c r="F10" s="548">
        <v>-29</v>
      </c>
      <c r="G10" s="550" t="s">
        <v>25</v>
      </c>
      <c r="H10" s="548">
        <v>29</v>
      </c>
      <c r="I10" s="548">
        <v>132</v>
      </c>
      <c r="J10" s="548">
        <v>12950</v>
      </c>
      <c r="K10" s="548">
        <v>12818</v>
      </c>
    </row>
    <row r="11" spans="1:13" ht="13.5" customHeight="1">
      <c r="A11" s="1013"/>
      <c r="B11" s="547">
        <v>380892</v>
      </c>
      <c r="C11" s="549" t="s">
        <v>439</v>
      </c>
      <c r="D11" s="1014"/>
      <c r="E11" s="548">
        <v>603</v>
      </c>
      <c r="F11" s="548">
        <v>-22</v>
      </c>
      <c r="G11" s="550" t="s">
        <v>25</v>
      </c>
      <c r="H11" s="548">
        <v>22</v>
      </c>
      <c r="I11" s="548">
        <v>625</v>
      </c>
      <c r="J11" s="548">
        <v>7323</v>
      </c>
      <c r="K11" s="548">
        <v>6698</v>
      </c>
    </row>
    <row r="12" spans="1:13" ht="13.5" customHeight="1">
      <c r="A12" s="1013"/>
      <c r="B12" s="547">
        <v>397072</v>
      </c>
      <c r="C12" s="549" t="s">
        <v>440</v>
      </c>
      <c r="D12" s="1014"/>
      <c r="E12" s="548">
        <v>6095</v>
      </c>
      <c r="F12" s="548">
        <v>-75</v>
      </c>
      <c r="G12" s="550" t="s">
        <v>25</v>
      </c>
      <c r="H12" s="548">
        <v>75</v>
      </c>
      <c r="I12" s="548">
        <v>6170</v>
      </c>
      <c r="J12" s="548">
        <v>18521</v>
      </c>
      <c r="K12" s="548">
        <v>12351</v>
      </c>
    </row>
    <row r="13" spans="1:13" ht="13.5" customHeight="1">
      <c r="A13" s="1013"/>
      <c r="B13" s="551">
        <v>494146</v>
      </c>
      <c r="C13" s="552" t="s">
        <v>441</v>
      </c>
      <c r="D13" s="1014"/>
      <c r="E13" s="241">
        <v>15852</v>
      </c>
      <c r="F13" s="548">
        <v>-181</v>
      </c>
      <c r="G13" s="553" t="s">
        <v>25</v>
      </c>
      <c r="H13" s="241">
        <v>181</v>
      </c>
      <c r="I13" s="242">
        <v>16033</v>
      </c>
      <c r="J13" s="242">
        <v>85223</v>
      </c>
      <c r="K13" s="242">
        <v>69190</v>
      </c>
    </row>
    <row r="14" spans="1:13" ht="13.5" customHeight="1">
      <c r="A14" s="1013"/>
      <c r="B14" s="547">
        <v>498239</v>
      </c>
      <c r="C14" s="549" t="s">
        <v>442</v>
      </c>
      <c r="D14" s="1014"/>
      <c r="E14" s="548">
        <v>6631</v>
      </c>
      <c r="F14" s="554">
        <v>-182</v>
      </c>
      <c r="G14" s="550" t="s">
        <v>25</v>
      </c>
      <c r="H14" s="548">
        <v>182</v>
      </c>
      <c r="I14" s="548">
        <v>6813</v>
      </c>
      <c r="J14" s="548">
        <v>112010</v>
      </c>
      <c r="K14" s="548">
        <v>105197</v>
      </c>
    </row>
    <row r="15" spans="1:13" ht="13.5" customHeight="1">
      <c r="A15" s="1013"/>
      <c r="B15" s="547">
        <v>483002</v>
      </c>
      <c r="C15" s="549" t="s">
        <v>443</v>
      </c>
      <c r="D15" s="1014"/>
      <c r="E15" s="548">
        <v>2888</v>
      </c>
      <c r="F15" s="548">
        <v>-170</v>
      </c>
      <c r="G15" s="550" t="s">
        <v>25</v>
      </c>
      <c r="H15" s="548">
        <v>170</v>
      </c>
      <c r="I15" s="548">
        <v>3058</v>
      </c>
      <c r="J15" s="548">
        <v>72190</v>
      </c>
      <c r="K15" s="548">
        <v>69132</v>
      </c>
    </row>
    <row r="16" spans="1:13" ht="13.5" customHeight="1">
      <c r="A16" s="1013"/>
      <c r="B16" s="547">
        <v>533424</v>
      </c>
      <c r="C16" s="549" t="s">
        <v>444</v>
      </c>
      <c r="D16" s="1014"/>
      <c r="E16" s="548">
        <v>1361</v>
      </c>
      <c r="F16" s="548">
        <v>-288</v>
      </c>
      <c r="G16" s="550" t="s">
        <v>25</v>
      </c>
      <c r="H16" s="548">
        <v>288</v>
      </c>
      <c r="I16" s="548">
        <v>1649</v>
      </c>
      <c r="J16" s="548">
        <v>44588</v>
      </c>
      <c r="K16" s="548">
        <v>42939</v>
      </c>
    </row>
    <row r="17" spans="1:17" ht="13.5" customHeight="1">
      <c r="A17" s="1013"/>
      <c r="B17" s="547">
        <v>596485</v>
      </c>
      <c r="C17" s="549" t="s">
        <v>445</v>
      </c>
      <c r="D17" s="1014"/>
      <c r="E17" s="548">
        <v>582</v>
      </c>
      <c r="F17" s="548">
        <v>-491</v>
      </c>
      <c r="G17" s="550" t="s">
        <v>25</v>
      </c>
      <c r="H17" s="548">
        <v>491</v>
      </c>
      <c r="I17" s="548">
        <v>1073</v>
      </c>
      <c r="J17" s="548">
        <v>29022</v>
      </c>
      <c r="K17" s="548">
        <v>27949</v>
      </c>
    </row>
    <row r="18" spans="1:17" ht="13.5" customHeight="1">
      <c r="A18" s="1013"/>
      <c r="B18" s="551">
        <v>718800</v>
      </c>
      <c r="C18" s="552" t="s">
        <v>446</v>
      </c>
      <c r="D18" s="1014"/>
      <c r="E18" s="242">
        <v>-357</v>
      </c>
      <c r="F18" s="242">
        <v>-1008</v>
      </c>
      <c r="G18" s="553" t="s">
        <v>25</v>
      </c>
      <c r="H18" s="548">
        <v>1008</v>
      </c>
      <c r="I18" s="242">
        <v>651</v>
      </c>
      <c r="J18" s="242">
        <v>23064</v>
      </c>
      <c r="K18" s="242">
        <v>22413</v>
      </c>
    </row>
    <row r="19" spans="1:17" ht="13.5" customHeight="1">
      <c r="A19" s="1013"/>
      <c r="B19" s="547">
        <v>764162</v>
      </c>
      <c r="C19" s="549" t="s">
        <v>447</v>
      </c>
      <c r="D19" s="1014"/>
      <c r="E19" s="548">
        <v>-1379</v>
      </c>
      <c r="F19" s="548">
        <v>-1616</v>
      </c>
      <c r="G19" s="550" t="s">
        <v>25</v>
      </c>
      <c r="H19" s="554">
        <v>1616</v>
      </c>
      <c r="I19" s="548">
        <v>237</v>
      </c>
      <c r="J19" s="548">
        <v>19784</v>
      </c>
      <c r="K19" s="548">
        <v>19547</v>
      </c>
    </row>
    <row r="20" spans="1:17" ht="13.5" customHeight="1">
      <c r="A20" s="1013"/>
      <c r="B20" s="547">
        <v>639903</v>
      </c>
      <c r="C20" s="549" t="s">
        <v>448</v>
      </c>
      <c r="D20" s="1014"/>
      <c r="E20" s="548">
        <v>-2591</v>
      </c>
      <c r="F20" s="548">
        <v>-2283</v>
      </c>
      <c r="G20" s="550" t="s">
        <v>25</v>
      </c>
      <c r="H20" s="548">
        <v>2283</v>
      </c>
      <c r="I20" s="548">
        <v>-308</v>
      </c>
      <c r="J20" s="548">
        <v>14576</v>
      </c>
      <c r="K20" s="548">
        <v>14884</v>
      </c>
    </row>
    <row r="21" spans="1:17" ht="13.5" customHeight="1">
      <c r="A21" s="1013"/>
      <c r="B21" s="547">
        <v>514826</v>
      </c>
      <c r="C21" s="549" t="s">
        <v>449</v>
      </c>
      <c r="D21" s="1014"/>
      <c r="E21" s="548">
        <v>-3472</v>
      </c>
      <c r="F21" s="548">
        <v>-2895</v>
      </c>
      <c r="G21" s="550" t="s">
        <v>25</v>
      </c>
      <c r="H21" s="548">
        <v>2895</v>
      </c>
      <c r="I21" s="548">
        <v>-577</v>
      </c>
      <c r="J21" s="548">
        <v>9870</v>
      </c>
      <c r="K21" s="548">
        <v>10447</v>
      </c>
    </row>
    <row r="22" spans="1:17" ht="13.5" customHeight="1">
      <c r="A22" s="1013"/>
      <c r="B22" s="547">
        <v>462767</v>
      </c>
      <c r="C22" s="549" t="s">
        <v>450</v>
      </c>
      <c r="D22" s="1014"/>
      <c r="E22" s="548">
        <v>-4646</v>
      </c>
      <c r="F22" s="548">
        <v>-4051</v>
      </c>
      <c r="G22" s="550" t="s">
        <v>25</v>
      </c>
      <c r="H22" s="548">
        <v>4051</v>
      </c>
      <c r="I22" s="548">
        <v>-595</v>
      </c>
      <c r="J22" s="548">
        <v>6904</v>
      </c>
      <c r="K22" s="548">
        <v>7499</v>
      </c>
    </row>
    <row r="23" spans="1:17" ht="13.5" customHeight="1">
      <c r="A23" s="1013"/>
      <c r="B23" s="547">
        <v>583758</v>
      </c>
      <c r="C23" s="549" t="s">
        <v>451</v>
      </c>
      <c r="D23" s="1014"/>
      <c r="E23" s="242">
        <v>-8697</v>
      </c>
      <c r="F23" s="242">
        <v>-8635</v>
      </c>
      <c r="G23" s="553" t="s">
        <v>25</v>
      </c>
      <c r="H23" s="548">
        <v>8635</v>
      </c>
      <c r="I23" s="242">
        <v>-62</v>
      </c>
      <c r="J23" s="242">
        <v>6753</v>
      </c>
      <c r="K23" s="242">
        <v>6815</v>
      </c>
    </row>
    <row r="24" spans="1:17" ht="13.5" customHeight="1">
      <c r="A24" s="1013"/>
      <c r="B24" s="555">
        <v>484395</v>
      </c>
      <c r="C24" s="556" t="s">
        <v>452</v>
      </c>
      <c r="D24" s="1014"/>
      <c r="E24" s="548">
        <v>-11108</v>
      </c>
      <c r="F24" s="548">
        <v>-11353</v>
      </c>
      <c r="G24" s="550" t="s">
        <v>25</v>
      </c>
      <c r="H24" s="554">
        <v>11353</v>
      </c>
      <c r="I24" s="548">
        <v>245</v>
      </c>
      <c r="J24" s="548">
        <v>5385</v>
      </c>
      <c r="K24" s="548">
        <v>5140</v>
      </c>
    </row>
    <row r="25" spans="1:17" ht="13.5" customHeight="1">
      <c r="A25" s="1013"/>
      <c r="B25" s="547">
        <v>389248</v>
      </c>
      <c r="C25" s="549" t="s">
        <v>453</v>
      </c>
      <c r="D25" s="1014"/>
      <c r="E25" s="548">
        <v>-15835</v>
      </c>
      <c r="F25" s="548">
        <v>-16453</v>
      </c>
      <c r="G25" s="550" t="s">
        <v>25</v>
      </c>
      <c r="H25" s="548">
        <v>16453</v>
      </c>
      <c r="I25" s="548">
        <v>618</v>
      </c>
      <c r="J25" s="548">
        <v>5079</v>
      </c>
      <c r="K25" s="548">
        <v>4461</v>
      </c>
    </row>
    <row r="26" spans="1:17" ht="13.5" customHeight="1">
      <c r="A26" s="1013"/>
      <c r="B26" s="547">
        <v>252310</v>
      </c>
      <c r="C26" s="549" t="s">
        <v>454</v>
      </c>
      <c r="D26" s="1014"/>
      <c r="E26" s="548">
        <v>-19368</v>
      </c>
      <c r="F26" s="548">
        <v>-20133</v>
      </c>
      <c r="G26" s="550" t="s">
        <v>25</v>
      </c>
      <c r="H26" s="548">
        <v>20133</v>
      </c>
      <c r="I26" s="548">
        <v>765</v>
      </c>
      <c r="J26" s="548">
        <v>4631</v>
      </c>
      <c r="K26" s="548">
        <v>3866</v>
      </c>
    </row>
    <row r="27" spans="1:17" ht="13.5" customHeight="1">
      <c r="A27" s="1013"/>
      <c r="B27" s="547">
        <v>117642</v>
      </c>
      <c r="C27" s="549" t="s">
        <v>455</v>
      </c>
      <c r="D27" s="1014"/>
      <c r="E27" s="548">
        <v>-17216</v>
      </c>
      <c r="F27" s="548">
        <v>-17592</v>
      </c>
      <c r="G27" s="550" t="s">
        <v>25</v>
      </c>
      <c r="H27" s="548">
        <v>17592</v>
      </c>
      <c r="I27" s="548">
        <v>376</v>
      </c>
      <c r="J27" s="548">
        <v>2445</v>
      </c>
      <c r="K27" s="548">
        <v>2069</v>
      </c>
    </row>
    <row r="28" spans="1:17" ht="13.5" customHeight="1">
      <c r="A28" s="1013"/>
      <c r="B28" s="551">
        <v>31140</v>
      </c>
      <c r="C28" s="552" t="s">
        <v>456</v>
      </c>
      <c r="D28" s="1014"/>
      <c r="E28" s="242">
        <v>-8980</v>
      </c>
      <c r="F28" s="242">
        <v>-9085</v>
      </c>
      <c r="G28" s="553" t="s">
        <v>25</v>
      </c>
      <c r="H28" s="241">
        <v>9085</v>
      </c>
      <c r="I28" s="242">
        <v>105</v>
      </c>
      <c r="J28" s="242">
        <v>727</v>
      </c>
      <c r="K28" s="242">
        <v>622</v>
      </c>
      <c r="Q28" s="210"/>
    </row>
    <row r="29" spans="1:17" ht="13.5" customHeight="1">
      <c r="A29" s="1013"/>
      <c r="B29" s="557">
        <v>5034</v>
      </c>
      <c r="C29" s="558" t="s">
        <v>457</v>
      </c>
      <c r="D29" s="1014"/>
      <c r="E29" s="559">
        <v>-2385</v>
      </c>
      <c r="F29" s="559">
        <v>-2397</v>
      </c>
      <c r="G29" s="560" t="s">
        <v>25</v>
      </c>
      <c r="H29" s="548">
        <v>2397</v>
      </c>
      <c r="I29" s="559">
        <v>12</v>
      </c>
      <c r="J29" s="548">
        <v>89</v>
      </c>
      <c r="K29" s="548">
        <v>77</v>
      </c>
    </row>
    <row r="30" spans="1:17" ht="17.25" customHeight="1">
      <c r="A30" s="243"/>
      <c r="B30" s="561">
        <v>1047478</v>
      </c>
      <c r="C30" s="244" t="s">
        <v>458</v>
      </c>
      <c r="D30" s="245"/>
      <c r="E30" s="562">
        <v>59353</v>
      </c>
      <c r="F30" s="562">
        <v>57921</v>
      </c>
      <c r="G30" s="562">
        <v>58118</v>
      </c>
      <c r="H30" s="562">
        <v>197</v>
      </c>
      <c r="I30" s="562">
        <v>1432</v>
      </c>
      <c r="J30" s="562">
        <v>44804</v>
      </c>
      <c r="K30" s="563">
        <v>43372</v>
      </c>
      <c r="L30" s="210"/>
      <c r="N30" s="210"/>
    </row>
    <row r="31" spans="1:17" ht="17.25" customHeight="1">
      <c r="A31" s="243"/>
      <c r="B31" s="547">
        <v>5640059</v>
      </c>
      <c r="C31" s="244" t="s">
        <v>459</v>
      </c>
      <c r="D31" s="245"/>
      <c r="E31" s="548">
        <v>25610</v>
      </c>
      <c r="F31" s="548">
        <v>-9189</v>
      </c>
      <c r="G31" s="564" t="s">
        <v>25</v>
      </c>
      <c r="H31" s="548">
        <v>9189</v>
      </c>
      <c r="I31" s="548">
        <v>34799</v>
      </c>
      <c r="J31" s="548">
        <v>428848</v>
      </c>
      <c r="K31" s="548">
        <v>394049</v>
      </c>
    </row>
    <row r="32" spans="1:17" ht="17.25" customHeight="1" thickBot="1">
      <c r="A32" s="246"/>
      <c r="B32" s="565">
        <v>2326294</v>
      </c>
      <c r="C32" s="247" t="s">
        <v>460</v>
      </c>
      <c r="D32" s="248"/>
      <c r="E32" s="566">
        <v>-88235</v>
      </c>
      <c r="F32" s="566">
        <v>-89699</v>
      </c>
      <c r="G32" s="567" t="s">
        <v>25</v>
      </c>
      <c r="H32" s="566">
        <v>89699</v>
      </c>
      <c r="I32" s="566">
        <v>1464</v>
      </c>
      <c r="J32" s="566">
        <v>32013</v>
      </c>
      <c r="K32" s="566">
        <v>30549</v>
      </c>
    </row>
    <row r="33" spans="1:11" ht="13.5" customHeight="1" thickTop="1">
      <c r="A33" s="243"/>
      <c r="B33" s="227" t="s">
        <v>193</v>
      </c>
      <c r="C33" s="249"/>
      <c r="D33" s="250"/>
      <c r="E33" s="251" t="s">
        <v>192</v>
      </c>
      <c r="F33" s="252" t="s">
        <v>192</v>
      </c>
      <c r="G33" s="253" t="s">
        <v>192</v>
      </c>
      <c r="H33" s="254" t="s">
        <v>192</v>
      </c>
      <c r="I33" s="254" t="s">
        <v>192</v>
      </c>
      <c r="J33" s="251" t="s">
        <v>192</v>
      </c>
      <c r="K33" s="252" t="s">
        <v>192</v>
      </c>
    </row>
    <row r="34" spans="1:11" s="258" customFormat="1" ht="13.5" customHeight="1">
      <c r="A34" s="233"/>
      <c r="B34" s="255">
        <v>9231177</v>
      </c>
      <c r="C34" s="234" t="s">
        <v>194</v>
      </c>
      <c r="D34" s="235"/>
      <c r="E34" s="256">
        <v>-5160</v>
      </c>
      <c r="F34" s="256">
        <v>-29983</v>
      </c>
      <c r="G34" s="256">
        <v>60549</v>
      </c>
      <c r="H34" s="256">
        <v>90532</v>
      </c>
      <c r="I34" s="256">
        <v>24823</v>
      </c>
      <c r="J34" s="256">
        <v>488358</v>
      </c>
      <c r="K34" s="257">
        <v>463535</v>
      </c>
    </row>
    <row r="35" spans="1:11" ht="13.5" customHeight="1">
      <c r="A35" s="236"/>
      <c r="B35" s="259"/>
      <c r="C35" s="238"/>
      <c r="D35" s="239"/>
      <c r="E35" s="260"/>
      <c r="F35" s="260"/>
      <c r="G35" s="260"/>
      <c r="H35" s="260"/>
      <c r="I35" s="260"/>
      <c r="J35" s="260"/>
      <c r="K35" s="261"/>
    </row>
    <row r="36" spans="1:11" ht="13.5" customHeight="1">
      <c r="A36" s="1013" t="s">
        <v>461</v>
      </c>
      <c r="B36" s="262">
        <v>319528</v>
      </c>
      <c r="C36" s="244" t="s">
        <v>436</v>
      </c>
      <c r="D36" s="1014" t="s">
        <v>462</v>
      </c>
      <c r="E36" s="263">
        <v>61104</v>
      </c>
      <c r="F36" s="263">
        <v>60438</v>
      </c>
      <c r="G36" s="263">
        <v>60549</v>
      </c>
      <c r="H36" s="263">
        <v>111</v>
      </c>
      <c r="I36" s="263">
        <v>666</v>
      </c>
      <c r="J36" s="263">
        <v>24663</v>
      </c>
      <c r="K36" s="264">
        <v>23997</v>
      </c>
    </row>
    <row r="37" spans="1:11" ht="13.5" customHeight="1">
      <c r="A37" s="1013"/>
      <c r="B37" s="265">
        <v>362880</v>
      </c>
      <c r="C37" s="549" t="s">
        <v>438</v>
      </c>
      <c r="D37" s="1014"/>
      <c r="E37" s="263">
        <v>-111</v>
      </c>
      <c r="F37" s="263">
        <v>-30</v>
      </c>
      <c r="G37" s="263" t="s">
        <v>25</v>
      </c>
      <c r="H37" s="263">
        <v>30</v>
      </c>
      <c r="I37" s="263">
        <v>-81</v>
      </c>
      <c r="J37" s="263">
        <v>12170</v>
      </c>
      <c r="K37" s="264">
        <v>12251</v>
      </c>
    </row>
    <row r="38" spans="1:11" ht="13.5" customHeight="1">
      <c r="A38" s="1013"/>
      <c r="B38" s="265">
        <v>383591</v>
      </c>
      <c r="C38" s="549" t="s">
        <v>439</v>
      </c>
      <c r="D38" s="1014"/>
      <c r="E38" s="263">
        <v>308</v>
      </c>
      <c r="F38" s="263">
        <v>-26</v>
      </c>
      <c r="G38" s="263" t="s">
        <v>25</v>
      </c>
      <c r="H38" s="263">
        <v>26</v>
      </c>
      <c r="I38" s="263">
        <v>334</v>
      </c>
      <c r="J38" s="263">
        <v>6732</v>
      </c>
      <c r="K38" s="264">
        <v>6398</v>
      </c>
    </row>
    <row r="39" spans="1:11" ht="13.5" customHeight="1">
      <c r="A39" s="1013"/>
      <c r="B39" s="265">
        <v>398649</v>
      </c>
      <c r="C39" s="549" t="s">
        <v>440</v>
      </c>
      <c r="D39" s="1014"/>
      <c r="E39" s="263">
        <v>5018</v>
      </c>
      <c r="F39" s="263">
        <v>-96</v>
      </c>
      <c r="G39" s="263" t="s">
        <v>25</v>
      </c>
      <c r="H39" s="263">
        <v>96</v>
      </c>
      <c r="I39" s="263">
        <v>5114</v>
      </c>
      <c r="J39" s="263">
        <v>17350</v>
      </c>
      <c r="K39" s="264">
        <v>12236</v>
      </c>
    </row>
    <row r="40" spans="1:11" ht="13.5" customHeight="1">
      <c r="A40" s="1013"/>
      <c r="B40" s="266">
        <v>492720</v>
      </c>
      <c r="C40" s="552" t="s">
        <v>441</v>
      </c>
      <c r="D40" s="1014"/>
      <c r="E40" s="267">
        <v>10836</v>
      </c>
      <c r="F40" s="267">
        <v>-127</v>
      </c>
      <c r="G40" s="267" t="s">
        <v>25</v>
      </c>
      <c r="H40" s="267">
        <v>127</v>
      </c>
      <c r="I40" s="267">
        <v>10963</v>
      </c>
      <c r="J40" s="267">
        <v>80553</v>
      </c>
      <c r="K40" s="268">
        <v>69590</v>
      </c>
    </row>
    <row r="41" spans="1:11" ht="13.5" customHeight="1">
      <c r="A41" s="1013"/>
      <c r="B41" s="262">
        <v>486193</v>
      </c>
      <c r="C41" s="549" t="s">
        <v>442</v>
      </c>
      <c r="D41" s="1014"/>
      <c r="E41" s="263">
        <v>3528</v>
      </c>
      <c r="F41" s="263">
        <v>-165</v>
      </c>
      <c r="G41" s="263" t="s">
        <v>25</v>
      </c>
      <c r="H41" s="263">
        <v>165</v>
      </c>
      <c r="I41" s="263">
        <v>3693</v>
      </c>
      <c r="J41" s="263">
        <v>106081</v>
      </c>
      <c r="K41" s="264">
        <v>102388</v>
      </c>
    </row>
    <row r="42" spans="1:11" ht="13.5" customHeight="1">
      <c r="A42" s="1013"/>
      <c r="B42" s="265">
        <v>485150</v>
      </c>
      <c r="C42" s="549" t="s">
        <v>443</v>
      </c>
      <c r="D42" s="1014"/>
      <c r="E42" s="263">
        <v>1529</v>
      </c>
      <c r="F42" s="263">
        <v>-219</v>
      </c>
      <c r="G42" s="263" t="s">
        <v>25</v>
      </c>
      <c r="H42" s="263">
        <v>219</v>
      </c>
      <c r="I42" s="263">
        <v>1748</v>
      </c>
      <c r="J42" s="263">
        <v>70222</v>
      </c>
      <c r="K42" s="264">
        <v>68474</v>
      </c>
    </row>
    <row r="43" spans="1:11" ht="13.5" customHeight="1">
      <c r="A43" s="1013"/>
      <c r="B43" s="265">
        <v>545264</v>
      </c>
      <c r="C43" s="549" t="s">
        <v>444</v>
      </c>
      <c r="D43" s="1014"/>
      <c r="E43" s="263">
        <v>1127</v>
      </c>
      <c r="F43" s="263">
        <v>-336</v>
      </c>
      <c r="G43" s="263" t="s">
        <v>25</v>
      </c>
      <c r="H43" s="263">
        <v>336</v>
      </c>
      <c r="I43" s="263">
        <v>1463</v>
      </c>
      <c r="J43" s="263">
        <v>44572</v>
      </c>
      <c r="K43" s="264">
        <v>43109</v>
      </c>
    </row>
    <row r="44" spans="1:11" ht="13.5" customHeight="1">
      <c r="A44" s="1013"/>
      <c r="B44" s="265">
        <v>614154</v>
      </c>
      <c r="C44" s="549" t="s">
        <v>445</v>
      </c>
      <c r="D44" s="1014"/>
      <c r="E44" s="263">
        <v>331</v>
      </c>
      <c r="F44" s="263">
        <v>-514</v>
      </c>
      <c r="G44" s="263" t="s">
        <v>25</v>
      </c>
      <c r="H44" s="263">
        <v>514</v>
      </c>
      <c r="I44" s="263">
        <v>845</v>
      </c>
      <c r="J44" s="263">
        <v>29094</v>
      </c>
      <c r="K44" s="264">
        <v>28249</v>
      </c>
    </row>
    <row r="45" spans="1:11" ht="13.5" customHeight="1">
      <c r="A45" s="1013"/>
      <c r="B45" s="266">
        <v>745633</v>
      </c>
      <c r="C45" s="552" t="s">
        <v>446</v>
      </c>
      <c r="D45" s="1014"/>
      <c r="E45" s="267">
        <v>-251</v>
      </c>
      <c r="F45" s="267">
        <v>-952</v>
      </c>
      <c r="G45" s="267" t="s">
        <v>25</v>
      </c>
      <c r="H45" s="267">
        <v>952</v>
      </c>
      <c r="I45" s="267">
        <v>701</v>
      </c>
      <c r="J45" s="267">
        <v>23482</v>
      </c>
      <c r="K45" s="269">
        <v>22781</v>
      </c>
    </row>
    <row r="46" spans="1:11" ht="13.5" customHeight="1">
      <c r="A46" s="1013"/>
      <c r="B46" s="262">
        <v>759350</v>
      </c>
      <c r="C46" s="549" t="s">
        <v>447</v>
      </c>
      <c r="D46" s="1014"/>
      <c r="E46" s="263">
        <v>-1451</v>
      </c>
      <c r="F46" s="263">
        <v>-1701</v>
      </c>
      <c r="G46" s="263" t="s">
        <v>25</v>
      </c>
      <c r="H46" s="263">
        <v>1701</v>
      </c>
      <c r="I46" s="263">
        <v>250</v>
      </c>
      <c r="J46" s="263">
        <v>19949</v>
      </c>
      <c r="K46" s="264">
        <v>19699</v>
      </c>
    </row>
    <row r="47" spans="1:11" ht="13.5" customHeight="1">
      <c r="A47" s="1013"/>
      <c r="B47" s="265">
        <v>602868</v>
      </c>
      <c r="C47" s="549" t="s">
        <v>448</v>
      </c>
      <c r="D47" s="1014"/>
      <c r="E47" s="263">
        <v>-2363</v>
      </c>
      <c r="F47" s="263">
        <v>-2073</v>
      </c>
      <c r="G47" s="263" t="s">
        <v>25</v>
      </c>
      <c r="H47" s="263">
        <v>2073</v>
      </c>
      <c r="I47" s="263">
        <v>-290</v>
      </c>
      <c r="J47" s="263">
        <v>13565</v>
      </c>
      <c r="K47" s="264">
        <v>13855</v>
      </c>
    </row>
    <row r="48" spans="1:11" ht="13.5" customHeight="1">
      <c r="A48" s="1013"/>
      <c r="B48" s="265">
        <v>497116</v>
      </c>
      <c r="C48" s="549" t="s">
        <v>449</v>
      </c>
      <c r="D48" s="1014"/>
      <c r="E48" s="263">
        <v>-3548</v>
      </c>
      <c r="F48" s="263">
        <v>-2597</v>
      </c>
      <c r="G48" s="263" t="s">
        <v>25</v>
      </c>
      <c r="H48" s="263">
        <v>2597</v>
      </c>
      <c r="I48" s="263">
        <v>-951</v>
      </c>
      <c r="J48" s="263">
        <v>9504</v>
      </c>
      <c r="K48" s="264">
        <v>10455</v>
      </c>
    </row>
    <row r="49" spans="1:11" ht="13.5" customHeight="1">
      <c r="A49" s="1013"/>
      <c r="B49" s="265">
        <v>481333</v>
      </c>
      <c r="C49" s="549" t="s">
        <v>450</v>
      </c>
      <c r="D49" s="1014"/>
      <c r="E49" s="263">
        <v>-4954</v>
      </c>
      <c r="F49" s="263">
        <v>-4278</v>
      </c>
      <c r="G49" s="263" t="s">
        <v>25</v>
      </c>
      <c r="H49" s="263">
        <v>4278</v>
      </c>
      <c r="I49" s="263">
        <v>-676</v>
      </c>
      <c r="J49" s="263">
        <v>6836</v>
      </c>
      <c r="K49" s="264">
        <v>7512</v>
      </c>
    </row>
    <row r="50" spans="1:11" ht="13.5" customHeight="1">
      <c r="A50" s="1013"/>
      <c r="B50" s="266">
        <v>617096</v>
      </c>
      <c r="C50" s="549" t="s">
        <v>451</v>
      </c>
      <c r="D50" s="1014"/>
      <c r="E50" s="267">
        <v>-8840</v>
      </c>
      <c r="F50" s="267">
        <v>-8642</v>
      </c>
      <c r="G50" s="267" t="s">
        <v>25</v>
      </c>
      <c r="H50" s="267">
        <v>8642</v>
      </c>
      <c r="I50" s="267">
        <v>-198</v>
      </c>
      <c r="J50" s="267">
        <v>6761</v>
      </c>
      <c r="K50" s="268">
        <v>6959</v>
      </c>
    </row>
    <row r="51" spans="1:11" ht="13.5" customHeight="1">
      <c r="A51" s="1013"/>
      <c r="B51" s="262">
        <v>461664</v>
      </c>
      <c r="C51" s="556" t="s">
        <v>452</v>
      </c>
      <c r="D51" s="1014"/>
      <c r="E51" s="263">
        <v>-10374</v>
      </c>
      <c r="F51" s="263">
        <v>-10377</v>
      </c>
      <c r="G51" s="263" t="s">
        <v>25</v>
      </c>
      <c r="H51" s="263">
        <v>10377</v>
      </c>
      <c r="I51" s="263">
        <v>3</v>
      </c>
      <c r="J51" s="263">
        <v>4964</v>
      </c>
      <c r="K51" s="264">
        <v>4961</v>
      </c>
    </row>
    <row r="52" spans="1:11" ht="13.5" customHeight="1">
      <c r="A52" s="1013"/>
      <c r="B52" s="265">
        <v>376694</v>
      </c>
      <c r="C52" s="549" t="s">
        <v>453</v>
      </c>
      <c r="D52" s="1014"/>
      <c r="E52" s="263">
        <v>-14635</v>
      </c>
      <c r="F52" s="263">
        <v>-14949</v>
      </c>
      <c r="G52" s="263" t="s">
        <v>25</v>
      </c>
      <c r="H52" s="263">
        <v>14949</v>
      </c>
      <c r="I52" s="263">
        <v>314</v>
      </c>
      <c r="J52" s="263">
        <v>4603</v>
      </c>
      <c r="K52" s="264">
        <v>4289</v>
      </c>
    </row>
    <row r="53" spans="1:11" ht="13.5" customHeight="1">
      <c r="A53" s="1013"/>
      <c r="B53" s="265">
        <v>242137</v>
      </c>
      <c r="C53" s="549" t="s">
        <v>454</v>
      </c>
      <c r="D53" s="1014"/>
      <c r="E53" s="263">
        <v>-17483</v>
      </c>
      <c r="F53" s="263">
        <v>-17930</v>
      </c>
      <c r="G53" s="263" t="s">
        <v>25</v>
      </c>
      <c r="H53" s="263">
        <v>17930</v>
      </c>
      <c r="I53" s="263">
        <v>447</v>
      </c>
      <c r="J53" s="263">
        <v>4191</v>
      </c>
      <c r="K53" s="264">
        <v>3744</v>
      </c>
    </row>
    <row r="54" spans="1:11" ht="13.5" customHeight="1">
      <c r="A54" s="1013"/>
      <c r="B54" s="265">
        <v>110740</v>
      </c>
      <c r="C54" s="549" t="s">
        <v>455</v>
      </c>
      <c r="D54" s="1014"/>
      <c r="E54" s="263">
        <v>-14927</v>
      </c>
      <c r="F54" s="263">
        <v>-15315</v>
      </c>
      <c r="G54" s="263" t="s">
        <v>25</v>
      </c>
      <c r="H54" s="263">
        <v>15315</v>
      </c>
      <c r="I54" s="263">
        <v>388</v>
      </c>
      <c r="J54" s="263">
        <v>2350</v>
      </c>
      <c r="K54" s="264">
        <v>1962</v>
      </c>
    </row>
    <row r="55" spans="1:11" ht="13.5" customHeight="1">
      <c r="A55" s="1013"/>
      <c r="B55" s="266">
        <v>29537</v>
      </c>
      <c r="C55" s="552" t="s">
        <v>456</v>
      </c>
      <c r="D55" s="1014"/>
      <c r="E55" s="267">
        <v>-7808</v>
      </c>
      <c r="F55" s="267">
        <v>-7886</v>
      </c>
      <c r="G55" s="267" t="s">
        <v>25</v>
      </c>
      <c r="H55" s="267">
        <v>7886</v>
      </c>
      <c r="I55" s="267">
        <v>78</v>
      </c>
      <c r="J55" s="267">
        <v>628</v>
      </c>
      <c r="K55" s="268">
        <v>550</v>
      </c>
    </row>
    <row r="56" spans="1:11" ht="13.5" customHeight="1">
      <c r="A56" s="1013"/>
      <c r="B56" s="262">
        <v>4806</v>
      </c>
      <c r="C56" s="558" t="s">
        <v>457</v>
      </c>
      <c r="D56" s="1014"/>
      <c r="E56" s="270">
        <v>-2193</v>
      </c>
      <c r="F56" s="270">
        <v>-2206</v>
      </c>
      <c r="G56" s="270" t="s">
        <v>25</v>
      </c>
      <c r="H56" s="270">
        <v>2206</v>
      </c>
      <c r="I56" s="270">
        <v>13</v>
      </c>
      <c r="J56" s="270">
        <v>88</v>
      </c>
      <c r="K56" s="271">
        <v>75</v>
      </c>
    </row>
    <row r="57" spans="1:11" ht="17.25" customHeight="1">
      <c r="A57" s="243"/>
      <c r="B57" s="272">
        <v>1065999</v>
      </c>
      <c r="C57" s="244" t="s">
        <v>458</v>
      </c>
      <c r="D57" s="245"/>
      <c r="E57" s="263">
        <v>61301</v>
      </c>
      <c r="F57" s="263">
        <v>60382</v>
      </c>
      <c r="G57" s="263">
        <v>60549</v>
      </c>
      <c r="H57" s="273">
        <v>167</v>
      </c>
      <c r="I57" s="263">
        <v>919</v>
      </c>
      <c r="J57" s="263">
        <v>43565</v>
      </c>
      <c r="K57" s="264">
        <v>42646</v>
      </c>
    </row>
    <row r="58" spans="1:11" ht="17.25" customHeight="1">
      <c r="A58" s="243"/>
      <c r="B58" s="274">
        <v>5627097</v>
      </c>
      <c r="C58" s="244" t="s">
        <v>459</v>
      </c>
      <c r="D58" s="245"/>
      <c r="E58" s="263">
        <v>14756</v>
      </c>
      <c r="F58" s="263">
        <v>-8780</v>
      </c>
      <c r="G58" s="263" t="s">
        <v>25</v>
      </c>
      <c r="H58" s="263">
        <v>8780</v>
      </c>
      <c r="I58" s="263">
        <v>23536</v>
      </c>
      <c r="J58" s="263">
        <v>414372</v>
      </c>
      <c r="K58" s="264">
        <v>390836</v>
      </c>
    </row>
    <row r="59" spans="1:11" ht="17.25" customHeight="1" thickBot="1">
      <c r="A59" s="246"/>
      <c r="B59" s="275">
        <v>2324007</v>
      </c>
      <c r="C59" s="247" t="s">
        <v>460</v>
      </c>
      <c r="D59" s="248"/>
      <c r="E59" s="276">
        <v>-81214</v>
      </c>
      <c r="F59" s="276">
        <v>-81583</v>
      </c>
      <c r="G59" s="276" t="s">
        <v>25</v>
      </c>
      <c r="H59" s="276">
        <v>81583</v>
      </c>
      <c r="I59" s="276">
        <v>369</v>
      </c>
      <c r="J59" s="276">
        <v>30421</v>
      </c>
      <c r="K59" s="277">
        <v>30052</v>
      </c>
    </row>
    <row r="60" spans="1:11" ht="9" customHeight="1" thickTop="1">
      <c r="A60" s="210"/>
      <c r="B60" s="278"/>
      <c r="C60" s="279"/>
      <c r="D60" s="280"/>
      <c r="E60" s="281"/>
      <c r="F60" s="281"/>
      <c r="G60" s="281"/>
      <c r="H60" s="281"/>
      <c r="I60" s="281"/>
      <c r="J60" s="281"/>
      <c r="K60" s="281"/>
    </row>
    <row r="61" spans="1:11" ht="15" customHeight="1">
      <c r="A61" s="568" t="s">
        <v>463</v>
      </c>
      <c r="B61" s="282"/>
      <c r="C61" s="282"/>
      <c r="D61" s="282"/>
      <c r="E61" s="283"/>
      <c r="F61" s="283"/>
      <c r="G61" s="283"/>
      <c r="H61" s="283"/>
      <c r="I61" s="284"/>
      <c r="J61" s="284"/>
      <c r="K61" s="284"/>
    </row>
    <row r="62" spans="1:11" ht="15" customHeight="1">
      <c r="A62" s="568" t="s">
        <v>464</v>
      </c>
    </row>
    <row r="63" spans="1:11" ht="15" customHeight="1">
      <c r="A63" s="568" t="s">
        <v>465</v>
      </c>
    </row>
  </sheetData>
  <mergeCells count="8">
    <mergeCell ref="A36:A56"/>
    <mergeCell ref="D36:D56"/>
    <mergeCell ref="A2:B5"/>
    <mergeCell ref="C3:C4"/>
    <mergeCell ref="D3:E4"/>
    <mergeCell ref="D5:E5"/>
    <mergeCell ref="A9:A29"/>
    <mergeCell ref="D9:D29"/>
  </mergeCells>
  <phoneticPr fontId="2"/>
  <printOptions horizontalCentered="1" gridLinesSet="0"/>
  <pageMargins left="0.70866141732283472" right="0.70866141732283472" top="0.70866141732283472" bottom="0.70866141732283472" header="0.31496062992125984" footer="0.19685039370078741"/>
  <pageSetup paperSize="9" scale="87" firstPageNumber="20" orientation="portrait" blackAndWhite="1" r:id="rId1"/>
  <headerFooter scaleWithDoc="0"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79"/>
  <sheetViews>
    <sheetView zoomScale="90" zoomScaleNormal="90" zoomScaleSheetLayoutView="100" workbookViewId="0"/>
  </sheetViews>
  <sheetFormatPr defaultRowHeight="11.25"/>
  <cols>
    <col min="1" max="1" width="5.375" style="209" customWidth="1"/>
    <col min="2" max="2" width="13.75" style="209" customWidth="1"/>
    <col min="3" max="3" width="11.25" style="209" customWidth="1"/>
    <col min="4" max="4" width="5.375" style="209" customWidth="1"/>
    <col min="5" max="11" width="11.25" style="209" customWidth="1"/>
    <col min="12" max="16384" width="9" style="209"/>
  </cols>
  <sheetData>
    <row r="1" spans="1:11" ht="16.5" customHeight="1" thickBot="1">
      <c r="A1" s="896" t="s">
        <v>466</v>
      </c>
      <c r="C1" s="212"/>
      <c r="D1" s="212"/>
      <c r="E1" s="212"/>
    </row>
    <row r="2" spans="1:11" ht="13.5" customHeight="1" thickTop="1">
      <c r="B2" s="285"/>
      <c r="C2" s="285"/>
      <c r="D2" s="91"/>
      <c r="E2" s="91"/>
      <c r="F2" s="91"/>
      <c r="G2" s="91"/>
      <c r="H2" s="91"/>
      <c r="I2" s="91"/>
      <c r="J2" s="91"/>
      <c r="K2" s="91"/>
    </row>
    <row r="3" spans="1:11" ht="13.5" customHeight="1">
      <c r="A3" s="1021" t="s">
        <v>467</v>
      </c>
      <c r="B3" s="1021"/>
      <c r="C3" s="1022" t="s">
        <v>253</v>
      </c>
      <c r="D3" s="1023" t="s">
        <v>421</v>
      </c>
      <c r="E3" s="1024"/>
      <c r="F3" s="286"/>
      <c r="G3" s="287"/>
      <c r="H3" s="288"/>
      <c r="I3" s="286"/>
      <c r="J3" s="287"/>
      <c r="K3" s="287"/>
    </row>
    <row r="4" spans="1:11" ht="13.5" customHeight="1">
      <c r="A4" s="1021"/>
      <c r="B4" s="1021"/>
      <c r="C4" s="1022"/>
      <c r="D4" s="1023"/>
      <c r="E4" s="1024"/>
      <c r="F4" s="289" t="s">
        <v>422</v>
      </c>
      <c r="G4" s="290" t="s">
        <v>423</v>
      </c>
      <c r="H4" s="290" t="s">
        <v>424</v>
      </c>
      <c r="I4" s="291" t="s">
        <v>425</v>
      </c>
      <c r="J4" s="292" t="s">
        <v>426</v>
      </c>
      <c r="K4" s="292" t="s">
        <v>427</v>
      </c>
    </row>
    <row r="5" spans="1:11" ht="13.5" customHeight="1">
      <c r="A5" s="116"/>
      <c r="B5" s="243"/>
      <c r="C5" s="293"/>
      <c r="D5" s="1025" t="s">
        <v>428</v>
      </c>
      <c r="E5" s="1026"/>
      <c r="F5" s="289" t="s">
        <v>429</v>
      </c>
      <c r="G5" s="289" t="s">
        <v>430</v>
      </c>
      <c r="H5" s="234" t="s">
        <v>431</v>
      </c>
      <c r="I5" s="291" t="s">
        <v>432</v>
      </c>
      <c r="J5" s="291" t="s">
        <v>433</v>
      </c>
      <c r="K5" s="289" t="s">
        <v>434</v>
      </c>
    </row>
    <row r="6" spans="1:11" ht="13.5" customHeight="1">
      <c r="A6" s="288"/>
      <c r="B6" s="232" t="s">
        <v>192</v>
      </c>
      <c r="C6" s="288"/>
      <c r="D6" s="287"/>
      <c r="E6" s="230" t="s">
        <v>192</v>
      </c>
      <c r="F6" s="230" t="s">
        <v>192</v>
      </c>
      <c r="G6" s="231" t="s">
        <v>192</v>
      </c>
      <c r="H6" s="232" t="s">
        <v>192</v>
      </c>
      <c r="I6" s="232" t="s">
        <v>192</v>
      </c>
      <c r="J6" s="227" t="s">
        <v>192</v>
      </c>
      <c r="K6" s="230" t="s">
        <v>192</v>
      </c>
    </row>
    <row r="7" spans="1:11" ht="13.5" customHeight="1">
      <c r="A7" s="233"/>
      <c r="B7" s="312">
        <v>9227901</v>
      </c>
      <c r="C7" s="294" t="s">
        <v>194</v>
      </c>
      <c r="D7" s="1018" t="s">
        <v>468</v>
      </c>
      <c r="E7" s="314">
        <v>-3276</v>
      </c>
      <c r="F7" s="314">
        <v>-40970</v>
      </c>
      <c r="G7" s="314">
        <v>58118</v>
      </c>
      <c r="H7" s="314">
        <v>99088</v>
      </c>
      <c r="I7" s="314">
        <v>37694</v>
      </c>
      <c r="J7" s="314">
        <v>505665</v>
      </c>
      <c r="K7" s="314">
        <v>467971</v>
      </c>
    </row>
    <row r="8" spans="1:11" ht="13.5" customHeight="1">
      <c r="A8" s="236" t="s">
        <v>255</v>
      </c>
      <c r="B8" s="295"/>
      <c r="C8" s="296"/>
      <c r="D8" s="1019"/>
      <c r="E8" s="297"/>
      <c r="F8" s="298"/>
      <c r="G8" s="299"/>
      <c r="H8" s="300"/>
      <c r="I8" s="300"/>
      <c r="J8" s="299"/>
      <c r="K8" s="298"/>
    </row>
    <row r="9" spans="1:11" ht="13.5" customHeight="1">
      <c r="A9" s="236" t="s">
        <v>257</v>
      </c>
      <c r="B9" s="540">
        <v>666586</v>
      </c>
      <c r="C9" s="301" t="s">
        <v>469</v>
      </c>
      <c r="D9" s="1019"/>
      <c r="E9" s="541">
        <v>58750</v>
      </c>
      <c r="F9" s="297">
        <v>57943</v>
      </c>
      <c r="G9" s="297">
        <v>58118</v>
      </c>
      <c r="H9" s="541">
        <v>175</v>
      </c>
      <c r="I9" s="541">
        <v>807</v>
      </c>
      <c r="J9" s="541">
        <v>37481</v>
      </c>
      <c r="K9" s="542">
        <v>36674</v>
      </c>
    </row>
    <row r="10" spans="1:11" ht="13.5" customHeight="1">
      <c r="A10" s="302">
        <v>5</v>
      </c>
      <c r="B10" s="295">
        <v>777964</v>
      </c>
      <c r="C10" s="303" t="s">
        <v>268</v>
      </c>
      <c r="D10" s="1019"/>
      <c r="E10" s="543">
        <v>6698</v>
      </c>
      <c r="F10" s="297">
        <v>-97</v>
      </c>
      <c r="G10" s="304" t="s">
        <v>470</v>
      </c>
      <c r="H10" s="543">
        <v>97</v>
      </c>
      <c r="I10" s="543">
        <v>6795</v>
      </c>
      <c r="J10" s="543">
        <v>25844</v>
      </c>
      <c r="K10" s="297">
        <v>19049</v>
      </c>
    </row>
    <row r="11" spans="1:11" ht="13.5" customHeight="1">
      <c r="A11" s="236" t="s">
        <v>144</v>
      </c>
      <c r="B11" s="295">
        <v>992385</v>
      </c>
      <c r="C11" s="303" t="s">
        <v>269</v>
      </c>
      <c r="D11" s="1019"/>
      <c r="E11" s="543">
        <v>22483</v>
      </c>
      <c r="F11" s="297">
        <v>-363</v>
      </c>
      <c r="G11" s="304" t="s">
        <v>470</v>
      </c>
      <c r="H11" s="543">
        <v>363</v>
      </c>
      <c r="I11" s="543">
        <v>22846</v>
      </c>
      <c r="J11" s="543">
        <v>197233</v>
      </c>
      <c r="K11" s="297">
        <v>174387</v>
      </c>
    </row>
    <row r="12" spans="1:11" ht="13.5" customHeight="1">
      <c r="A12" s="305" t="s">
        <v>471</v>
      </c>
      <c r="B12" s="295">
        <v>1016426</v>
      </c>
      <c r="C12" s="303" t="s">
        <v>270</v>
      </c>
      <c r="D12" s="1019"/>
      <c r="E12" s="543">
        <v>4249</v>
      </c>
      <c r="F12" s="297">
        <v>-458</v>
      </c>
      <c r="G12" s="304" t="s">
        <v>470</v>
      </c>
      <c r="H12" s="543">
        <v>458</v>
      </c>
      <c r="I12" s="543">
        <v>4707</v>
      </c>
      <c r="J12" s="543">
        <v>116778</v>
      </c>
      <c r="K12" s="297">
        <v>112071</v>
      </c>
    </row>
    <row r="13" spans="1:11" ht="13.5" customHeight="1">
      <c r="A13" s="236" t="s">
        <v>472</v>
      </c>
      <c r="B13" s="295">
        <v>1315285</v>
      </c>
      <c r="C13" s="306" t="s">
        <v>271</v>
      </c>
      <c r="D13" s="1019"/>
      <c r="E13" s="299">
        <v>225</v>
      </c>
      <c r="F13" s="299">
        <v>-1499</v>
      </c>
      <c r="G13" s="307" t="s">
        <v>470</v>
      </c>
      <c r="H13" s="543">
        <v>1499</v>
      </c>
      <c r="I13" s="299">
        <v>1724</v>
      </c>
      <c r="J13" s="299">
        <v>52086</v>
      </c>
      <c r="K13" s="298">
        <v>50362</v>
      </c>
    </row>
    <row r="14" spans="1:11" ht="13.5" customHeight="1">
      <c r="A14" s="305" t="s">
        <v>471</v>
      </c>
      <c r="B14" s="540">
        <v>1404065</v>
      </c>
      <c r="C14" s="303" t="s">
        <v>272</v>
      </c>
      <c r="D14" s="1019"/>
      <c r="E14" s="541">
        <v>-3970</v>
      </c>
      <c r="F14" s="297">
        <v>-3899</v>
      </c>
      <c r="G14" s="304" t="s">
        <v>470</v>
      </c>
      <c r="H14" s="541">
        <v>3899</v>
      </c>
      <c r="I14" s="541">
        <v>-71</v>
      </c>
      <c r="J14" s="541">
        <v>34360</v>
      </c>
      <c r="K14" s="542">
        <v>34431</v>
      </c>
    </row>
    <row r="15" spans="1:11" ht="13.5" customHeight="1">
      <c r="A15" s="236" t="s">
        <v>473</v>
      </c>
      <c r="B15" s="295">
        <v>977593</v>
      </c>
      <c r="C15" s="303" t="s">
        <v>273</v>
      </c>
      <c r="D15" s="1019"/>
      <c r="E15" s="543">
        <v>-8118</v>
      </c>
      <c r="F15" s="297">
        <v>-6946</v>
      </c>
      <c r="G15" s="304" t="s">
        <v>470</v>
      </c>
      <c r="H15" s="543">
        <v>6946</v>
      </c>
      <c r="I15" s="543">
        <v>-1172</v>
      </c>
      <c r="J15" s="543">
        <v>16774</v>
      </c>
      <c r="K15" s="297">
        <v>17946</v>
      </c>
    </row>
    <row r="16" spans="1:11" ht="13.5" customHeight="1">
      <c r="A16" s="236" t="s">
        <v>474</v>
      </c>
      <c r="B16" s="295">
        <v>1068153</v>
      </c>
      <c r="C16" s="303" t="s">
        <v>274</v>
      </c>
      <c r="D16" s="1019"/>
      <c r="E16" s="543">
        <v>-19805</v>
      </c>
      <c r="F16" s="297">
        <v>-19988</v>
      </c>
      <c r="G16" s="304" t="s">
        <v>470</v>
      </c>
      <c r="H16" s="543">
        <v>19988</v>
      </c>
      <c r="I16" s="543">
        <v>183</v>
      </c>
      <c r="J16" s="543">
        <v>12138</v>
      </c>
      <c r="K16" s="297">
        <v>11955</v>
      </c>
    </row>
    <row r="17" spans="1:14" ht="13.5" customHeight="1">
      <c r="A17" s="236" t="s">
        <v>475</v>
      </c>
      <c r="B17" s="295">
        <v>641558</v>
      </c>
      <c r="C17" s="303" t="s">
        <v>275</v>
      </c>
      <c r="D17" s="1019"/>
      <c r="E17" s="543">
        <v>-35203</v>
      </c>
      <c r="F17" s="297">
        <v>-36586</v>
      </c>
      <c r="G17" s="304" t="s">
        <v>470</v>
      </c>
      <c r="H17" s="543">
        <v>36586</v>
      </c>
      <c r="I17" s="543">
        <v>1383</v>
      </c>
      <c r="J17" s="543">
        <v>9710</v>
      </c>
      <c r="K17" s="297">
        <v>8327</v>
      </c>
    </row>
    <row r="18" spans="1:14" ht="13.5" customHeight="1">
      <c r="A18" s="243"/>
      <c r="B18" s="295">
        <v>148782</v>
      </c>
      <c r="C18" s="306" t="s">
        <v>276</v>
      </c>
      <c r="D18" s="1019"/>
      <c r="E18" s="299">
        <v>-26196</v>
      </c>
      <c r="F18" s="543">
        <v>-26677</v>
      </c>
      <c r="G18" s="304" t="s">
        <v>470</v>
      </c>
      <c r="H18" s="543">
        <v>26677</v>
      </c>
      <c r="I18" s="299">
        <v>481</v>
      </c>
      <c r="J18" s="299">
        <v>3172</v>
      </c>
      <c r="K18" s="297">
        <v>2691</v>
      </c>
    </row>
    <row r="19" spans="1:14" ht="13.5" customHeight="1" thickBot="1">
      <c r="A19" s="89"/>
      <c r="B19" s="872">
        <v>5034</v>
      </c>
      <c r="C19" s="873" t="s">
        <v>476</v>
      </c>
      <c r="D19" s="1020"/>
      <c r="E19" s="876">
        <v>-2385</v>
      </c>
      <c r="F19" s="876">
        <v>-2397</v>
      </c>
      <c r="G19" s="870" t="s">
        <v>470</v>
      </c>
      <c r="H19" s="876">
        <v>2397</v>
      </c>
      <c r="I19" s="877">
        <v>12</v>
      </c>
      <c r="J19" s="876">
        <v>89</v>
      </c>
      <c r="K19" s="878">
        <v>77</v>
      </c>
    </row>
    <row r="20" spans="1:14" ht="13.5" customHeight="1" thickTop="1">
      <c r="A20" s="308"/>
      <c r="B20" s="875" t="s">
        <v>192</v>
      </c>
      <c r="C20" s="308"/>
      <c r="D20" s="309"/>
      <c r="E20" s="310" t="s">
        <v>192</v>
      </c>
      <c r="F20" s="310" t="s">
        <v>192</v>
      </c>
      <c r="G20" s="310" t="s">
        <v>192</v>
      </c>
      <c r="H20" s="310" t="s">
        <v>192</v>
      </c>
      <c r="I20" s="311" t="s">
        <v>192</v>
      </c>
      <c r="J20" s="310" t="s">
        <v>192</v>
      </c>
      <c r="K20" s="326" t="s">
        <v>192</v>
      </c>
    </row>
    <row r="21" spans="1:14" ht="13.5" customHeight="1">
      <c r="A21" s="233"/>
      <c r="B21" s="312">
        <v>9231177</v>
      </c>
      <c r="C21" s="294" t="s">
        <v>194</v>
      </c>
      <c r="D21" s="1018" t="s">
        <v>477</v>
      </c>
      <c r="E21" s="313">
        <v>-5160</v>
      </c>
      <c r="F21" s="313">
        <v>-29983</v>
      </c>
      <c r="G21" s="313">
        <v>60549</v>
      </c>
      <c r="H21" s="313">
        <v>90532</v>
      </c>
      <c r="I21" s="313">
        <v>24823</v>
      </c>
      <c r="J21" s="313">
        <v>488358</v>
      </c>
      <c r="K21" s="314">
        <v>463535</v>
      </c>
    </row>
    <row r="22" spans="1:14" ht="13.5" customHeight="1">
      <c r="A22" s="236" t="s">
        <v>255</v>
      </c>
      <c r="B22" s="315"/>
      <c r="C22" s="296"/>
      <c r="D22" s="1019"/>
      <c r="E22" s="316"/>
      <c r="F22" s="316"/>
      <c r="G22" s="316"/>
      <c r="H22" s="316"/>
      <c r="I22" s="316"/>
      <c r="J22" s="316"/>
      <c r="K22" s="317"/>
    </row>
    <row r="23" spans="1:14" ht="13.5" customHeight="1">
      <c r="A23" s="236" t="s">
        <v>257</v>
      </c>
      <c r="B23" s="318">
        <v>682408</v>
      </c>
      <c r="C23" s="301" t="s">
        <v>469</v>
      </c>
      <c r="D23" s="1019"/>
      <c r="E23" s="319">
        <v>60993</v>
      </c>
      <c r="F23" s="320">
        <v>60408</v>
      </c>
      <c r="G23" s="319">
        <v>60549</v>
      </c>
      <c r="H23" s="321">
        <v>141</v>
      </c>
      <c r="I23" s="321">
        <v>585</v>
      </c>
      <c r="J23" s="319">
        <v>36833</v>
      </c>
      <c r="K23" s="320">
        <v>36248</v>
      </c>
      <c r="N23" s="210"/>
    </row>
    <row r="24" spans="1:14" ht="13.5" customHeight="1">
      <c r="A24" s="302">
        <v>4</v>
      </c>
      <c r="B24" s="318">
        <v>782240</v>
      </c>
      <c r="C24" s="303" t="s">
        <v>268</v>
      </c>
      <c r="D24" s="1019"/>
      <c r="E24" s="304">
        <v>5326</v>
      </c>
      <c r="F24" s="320">
        <v>-122</v>
      </c>
      <c r="G24" s="304" t="s">
        <v>25</v>
      </c>
      <c r="H24" s="321">
        <v>122</v>
      </c>
      <c r="I24" s="321">
        <v>5448</v>
      </c>
      <c r="J24" s="304">
        <v>24082</v>
      </c>
      <c r="K24" s="320">
        <v>18634</v>
      </c>
    </row>
    <row r="25" spans="1:14" ht="13.5" customHeight="1">
      <c r="A25" s="236" t="s">
        <v>144</v>
      </c>
      <c r="B25" s="318">
        <v>978913</v>
      </c>
      <c r="C25" s="303" t="s">
        <v>269</v>
      </c>
      <c r="D25" s="1019"/>
      <c r="E25" s="304">
        <v>14364</v>
      </c>
      <c r="F25" s="320">
        <v>-292</v>
      </c>
      <c r="G25" s="304" t="s">
        <v>25</v>
      </c>
      <c r="H25" s="321">
        <v>292</v>
      </c>
      <c r="I25" s="321">
        <v>14656</v>
      </c>
      <c r="J25" s="304">
        <v>186634</v>
      </c>
      <c r="K25" s="320">
        <v>171978</v>
      </c>
    </row>
    <row r="26" spans="1:14" ht="13.5" customHeight="1">
      <c r="A26" s="305" t="s">
        <v>478</v>
      </c>
      <c r="B26" s="318">
        <v>1030414</v>
      </c>
      <c r="C26" s="303" t="s">
        <v>270</v>
      </c>
      <c r="D26" s="1019"/>
      <c r="E26" s="304">
        <v>2656</v>
      </c>
      <c r="F26" s="320">
        <v>-555</v>
      </c>
      <c r="G26" s="304" t="s">
        <v>25</v>
      </c>
      <c r="H26" s="321">
        <v>555</v>
      </c>
      <c r="I26" s="321">
        <v>3211</v>
      </c>
      <c r="J26" s="304">
        <v>114794</v>
      </c>
      <c r="K26" s="320">
        <v>111583</v>
      </c>
    </row>
    <row r="27" spans="1:14" ht="13.5" customHeight="1">
      <c r="A27" s="236" t="s">
        <v>472</v>
      </c>
      <c r="B27" s="322">
        <v>1359787</v>
      </c>
      <c r="C27" s="306" t="s">
        <v>271</v>
      </c>
      <c r="D27" s="1019"/>
      <c r="E27" s="307">
        <v>80</v>
      </c>
      <c r="F27" s="323">
        <v>-1466</v>
      </c>
      <c r="G27" s="304" t="s">
        <v>25</v>
      </c>
      <c r="H27" s="324">
        <v>1466</v>
      </c>
      <c r="I27" s="324">
        <v>1546</v>
      </c>
      <c r="J27" s="304">
        <v>52576</v>
      </c>
      <c r="K27" s="323">
        <v>51030</v>
      </c>
    </row>
    <row r="28" spans="1:14" ht="13.5" customHeight="1">
      <c r="A28" s="305" t="s">
        <v>478</v>
      </c>
      <c r="B28" s="318">
        <v>1362218</v>
      </c>
      <c r="C28" s="303" t="s">
        <v>272</v>
      </c>
      <c r="D28" s="1019"/>
      <c r="E28" s="304">
        <v>-3814</v>
      </c>
      <c r="F28" s="320">
        <v>-3774</v>
      </c>
      <c r="G28" s="319" t="s">
        <v>25</v>
      </c>
      <c r="H28" s="321">
        <v>3774</v>
      </c>
      <c r="I28" s="321">
        <v>-40</v>
      </c>
      <c r="J28" s="319">
        <v>33514</v>
      </c>
      <c r="K28" s="320">
        <v>33554</v>
      </c>
    </row>
    <row r="29" spans="1:14" ht="13.5" customHeight="1">
      <c r="A29" s="236" t="s">
        <v>473</v>
      </c>
      <c r="B29" s="318">
        <v>978449</v>
      </c>
      <c r="C29" s="303" t="s">
        <v>273</v>
      </c>
      <c r="D29" s="1019"/>
      <c r="E29" s="304">
        <v>-8502</v>
      </c>
      <c r="F29" s="320">
        <v>-6875</v>
      </c>
      <c r="G29" s="304" t="s">
        <v>25</v>
      </c>
      <c r="H29" s="321">
        <v>6875</v>
      </c>
      <c r="I29" s="321">
        <v>-1627</v>
      </c>
      <c r="J29" s="304">
        <v>16340</v>
      </c>
      <c r="K29" s="320">
        <v>17967</v>
      </c>
    </row>
    <row r="30" spans="1:14" ht="13.5" customHeight="1">
      <c r="A30" s="236" t="s">
        <v>474</v>
      </c>
      <c r="B30" s="318">
        <v>1078760</v>
      </c>
      <c r="C30" s="303" t="s">
        <v>274</v>
      </c>
      <c r="D30" s="1019"/>
      <c r="E30" s="304">
        <v>-19214</v>
      </c>
      <c r="F30" s="320">
        <v>-19019</v>
      </c>
      <c r="G30" s="304" t="s">
        <v>25</v>
      </c>
      <c r="H30" s="321">
        <v>19019</v>
      </c>
      <c r="I30" s="321">
        <v>-195</v>
      </c>
      <c r="J30" s="304">
        <v>11725</v>
      </c>
      <c r="K30" s="320">
        <v>11920</v>
      </c>
    </row>
    <row r="31" spans="1:14" ht="13.5" customHeight="1">
      <c r="A31" s="236" t="s">
        <v>475</v>
      </c>
      <c r="B31" s="318">
        <v>618831</v>
      </c>
      <c r="C31" s="303" t="s">
        <v>275</v>
      </c>
      <c r="D31" s="1019"/>
      <c r="E31" s="304">
        <v>-32118</v>
      </c>
      <c r="F31" s="320">
        <v>-32879</v>
      </c>
      <c r="G31" s="304" t="s">
        <v>25</v>
      </c>
      <c r="H31" s="321">
        <v>32879</v>
      </c>
      <c r="I31" s="321">
        <v>761</v>
      </c>
      <c r="J31" s="304">
        <v>8794</v>
      </c>
      <c r="K31" s="320">
        <v>8033</v>
      </c>
    </row>
    <row r="32" spans="1:14" ht="13.5" customHeight="1">
      <c r="A32" s="233"/>
      <c r="B32" s="322">
        <v>140277</v>
      </c>
      <c r="C32" s="306" t="s">
        <v>276</v>
      </c>
      <c r="D32" s="1019"/>
      <c r="E32" s="320">
        <v>-22735</v>
      </c>
      <c r="F32" s="320">
        <v>-23201</v>
      </c>
      <c r="G32" s="304" t="s">
        <v>25</v>
      </c>
      <c r="H32" s="324">
        <v>23201</v>
      </c>
      <c r="I32" s="321">
        <v>466</v>
      </c>
      <c r="J32" s="304">
        <v>2978</v>
      </c>
      <c r="K32" s="323">
        <v>2512</v>
      </c>
    </row>
    <row r="33" spans="1:11" ht="13.5" customHeight="1" thickBot="1">
      <c r="A33" s="89"/>
      <c r="B33" s="874">
        <v>4806</v>
      </c>
      <c r="C33" s="873" t="s">
        <v>476</v>
      </c>
      <c r="D33" s="1020"/>
      <c r="E33" s="869">
        <v>-2193</v>
      </c>
      <c r="F33" s="869">
        <v>-2206</v>
      </c>
      <c r="G33" s="870" t="s">
        <v>25</v>
      </c>
      <c r="H33" s="871">
        <v>2206</v>
      </c>
      <c r="I33" s="871">
        <v>13</v>
      </c>
      <c r="J33" s="870">
        <v>88</v>
      </c>
      <c r="K33" s="869">
        <v>75</v>
      </c>
    </row>
    <row r="34" spans="1:11" ht="13.5" customHeight="1" thickTop="1">
      <c r="A34" s="308"/>
      <c r="B34" s="325" t="s">
        <v>192</v>
      </c>
      <c r="C34" s="308"/>
      <c r="D34" s="309"/>
      <c r="E34" s="326"/>
      <c r="F34" s="326"/>
      <c r="G34" s="310"/>
      <c r="H34" s="311"/>
      <c r="I34" s="311"/>
      <c r="J34" s="327"/>
      <c r="K34" s="326"/>
    </row>
    <row r="35" spans="1:11" ht="13.5" customHeight="1">
      <c r="A35" s="233"/>
      <c r="B35" s="312">
        <v>9236337</v>
      </c>
      <c r="C35" s="294" t="s">
        <v>194</v>
      </c>
      <c r="D35" s="1018" t="s">
        <v>479</v>
      </c>
      <c r="E35" s="313"/>
      <c r="F35" s="313"/>
      <c r="G35" s="313"/>
      <c r="H35" s="313"/>
      <c r="I35" s="313"/>
      <c r="J35" s="313"/>
      <c r="K35" s="314"/>
    </row>
    <row r="36" spans="1:11" ht="13.5" customHeight="1">
      <c r="A36" s="236" t="s">
        <v>255</v>
      </c>
      <c r="B36" s="315"/>
      <c r="C36" s="296"/>
      <c r="D36" s="1019"/>
      <c r="E36" s="316"/>
      <c r="F36" s="316"/>
      <c r="G36" s="316"/>
      <c r="H36" s="316"/>
      <c r="I36" s="316"/>
      <c r="J36" s="316"/>
      <c r="K36" s="317"/>
    </row>
    <row r="37" spans="1:11" ht="13.5" customHeight="1">
      <c r="A37" s="236" t="s">
        <v>257</v>
      </c>
      <c r="B37" s="318">
        <v>696188</v>
      </c>
      <c r="C37" s="301" t="s">
        <v>469</v>
      </c>
      <c r="D37" s="1019"/>
      <c r="E37" s="319"/>
      <c r="F37" s="320"/>
      <c r="G37" s="319"/>
      <c r="H37" s="321"/>
      <c r="I37" s="321"/>
      <c r="J37" s="319"/>
      <c r="K37" s="320"/>
    </row>
    <row r="38" spans="1:11" ht="13.5" customHeight="1">
      <c r="A38" s="302">
        <v>3</v>
      </c>
      <c r="B38" s="318">
        <v>793420</v>
      </c>
      <c r="C38" s="303" t="s">
        <v>268</v>
      </c>
      <c r="D38" s="1019"/>
      <c r="E38" s="304"/>
      <c r="F38" s="320"/>
      <c r="G38" s="304"/>
      <c r="H38" s="321"/>
      <c r="I38" s="321"/>
      <c r="J38" s="304"/>
      <c r="K38" s="320"/>
    </row>
    <row r="39" spans="1:11" ht="13.5" customHeight="1">
      <c r="A39" s="236" t="s">
        <v>144</v>
      </c>
      <c r="B39" s="318">
        <v>968190</v>
      </c>
      <c r="C39" s="303" t="s">
        <v>269</v>
      </c>
      <c r="D39" s="1019"/>
      <c r="E39" s="304"/>
      <c r="F39" s="320"/>
      <c r="G39" s="304"/>
      <c r="H39" s="321"/>
      <c r="I39" s="321"/>
      <c r="J39" s="304"/>
      <c r="K39" s="320"/>
    </row>
    <row r="40" spans="1:11" ht="13.5" customHeight="1">
      <c r="A40" s="305" t="s">
        <v>478</v>
      </c>
      <c r="B40" s="318">
        <v>1047547</v>
      </c>
      <c r="C40" s="303" t="s">
        <v>270</v>
      </c>
      <c r="D40" s="1019"/>
      <c r="E40" s="304"/>
      <c r="F40" s="320"/>
      <c r="G40" s="304"/>
      <c r="H40" s="321"/>
      <c r="I40" s="321"/>
      <c r="J40" s="304"/>
      <c r="K40" s="320"/>
    </row>
    <row r="41" spans="1:11" ht="13.5" customHeight="1">
      <c r="A41" s="236" t="s">
        <v>472</v>
      </c>
      <c r="B41" s="322">
        <v>1401516</v>
      </c>
      <c r="C41" s="306" t="s">
        <v>271</v>
      </c>
      <c r="D41" s="1019"/>
      <c r="E41" s="307"/>
      <c r="F41" s="323"/>
      <c r="G41" s="304"/>
      <c r="H41" s="324"/>
      <c r="I41" s="324"/>
      <c r="J41" s="304"/>
      <c r="K41" s="323"/>
    </row>
    <row r="42" spans="1:11" ht="13.5" customHeight="1">
      <c r="A42" s="305" t="s">
        <v>478</v>
      </c>
      <c r="B42" s="318">
        <v>1316240</v>
      </c>
      <c r="C42" s="303" t="s">
        <v>272</v>
      </c>
      <c r="D42" s="1019"/>
      <c r="E42" s="304"/>
      <c r="F42" s="320"/>
      <c r="G42" s="319"/>
      <c r="H42" s="321"/>
      <c r="I42" s="321"/>
      <c r="J42" s="319"/>
      <c r="K42" s="320"/>
    </row>
    <row r="43" spans="1:11" ht="13.5" customHeight="1">
      <c r="A43" s="236" t="s">
        <v>473</v>
      </c>
      <c r="B43" s="318">
        <v>989916</v>
      </c>
      <c r="C43" s="303" t="s">
        <v>273</v>
      </c>
      <c r="D43" s="1019"/>
      <c r="E43" s="304"/>
      <c r="F43" s="320"/>
      <c r="G43" s="304"/>
      <c r="H43" s="321"/>
      <c r="I43" s="321"/>
      <c r="J43" s="304"/>
      <c r="K43" s="320"/>
    </row>
    <row r="44" spans="1:11" ht="13.5" customHeight="1">
      <c r="A44" s="236" t="s">
        <v>474</v>
      </c>
      <c r="B44" s="318">
        <v>1084403</v>
      </c>
      <c r="C44" s="303" t="s">
        <v>274</v>
      </c>
      <c r="D44" s="1019"/>
      <c r="E44" s="304"/>
      <c r="F44" s="320"/>
      <c r="G44" s="304"/>
      <c r="H44" s="321"/>
      <c r="I44" s="321"/>
      <c r="J44" s="304"/>
      <c r="K44" s="320"/>
    </row>
    <row r="45" spans="1:11" ht="13.5" customHeight="1">
      <c r="A45" s="236" t="s">
        <v>475</v>
      </c>
      <c r="B45" s="318">
        <v>589625</v>
      </c>
      <c r="C45" s="303" t="s">
        <v>275</v>
      </c>
      <c r="D45" s="1019"/>
      <c r="E45" s="304"/>
      <c r="F45" s="320"/>
      <c r="G45" s="304"/>
      <c r="H45" s="321"/>
      <c r="I45" s="321"/>
      <c r="J45" s="304"/>
      <c r="K45" s="320"/>
    </row>
    <row r="46" spans="1:11" ht="13.5" customHeight="1">
      <c r="A46" s="233"/>
      <c r="B46" s="322">
        <v>130815</v>
      </c>
      <c r="C46" s="306" t="s">
        <v>276</v>
      </c>
      <c r="D46" s="1019"/>
      <c r="E46" s="320"/>
      <c r="F46" s="320"/>
      <c r="G46" s="304"/>
      <c r="H46" s="324"/>
      <c r="I46" s="321"/>
      <c r="J46" s="304"/>
      <c r="K46" s="323"/>
    </row>
    <row r="47" spans="1:11" ht="13.5" customHeight="1" thickBot="1">
      <c r="A47" s="89"/>
      <c r="B47" s="874">
        <v>4400</v>
      </c>
      <c r="C47" s="873" t="s">
        <v>476</v>
      </c>
      <c r="D47" s="1020"/>
      <c r="E47" s="869"/>
      <c r="F47" s="869"/>
      <c r="G47" s="870"/>
      <c r="H47" s="871"/>
      <c r="I47" s="871"/>
      <c r="J47" s="870"/>
      <c r="K47" s="869"/>
    </row>
    <row r="48" spans="1:11" ht="13.5" customHeight="1" thickTop="1">
      <c r="A48" s="308"/>
      <c r="B48" s="325" t="s">
        <v>192</v>
      </c>
      <c r="C48" s="308"/>
      <c r="D48" s="309"/>
      <c r="E48" s="326" t="s">
        <v>192</v>
      </c>
      <c r="F48" s="326" t="s">
        <v>192</v>
      </c>
      <c r="G48" s="310" t="s">
        <v>192</v>
      </c>
      <c r="H48" s="311" t="s">
        <v>192</v>
      </c>
      <c r="I48" s="311" t="s">
        <v>192</v>
      </c>
      <c r="J48" s="327" t="s">
        <v>192</v>
      </c>
      <c r="K48" s="326" t="s">
        <v>192</v>
      </c>
    </row>
    <row r="49" spans="1:17" ht="13.5" customHeight="1">
      <c r="A49" s="233"/>
      <c r="B49" s="312">
        <v>9201825</v>
      </c>
      <c r="C49" s="294" t="s">
        <v>194</v>
      </c>
      <c r="D49" s="1018" t="s">
        <v>480</v>
      </c>
      <c r="E49" s="313">
        <v>20200</v>
      </c>
      <c r="F49" s="313">
        <v>-19600</v>
      </c>
      <c r="G49" s="313">
        <v>64905</v>
      </c>
      <c r="H49" s="313">
        <v>84505</v>
      </c>
      <c r="I49" s="313">
        <v>39800</v>
      </c>
      <c r="J49" s="313">
        <v>514781</v>
      </c>
      <c r="K49" s="314">
        <v>474981</v>
      </c>
    </row>
    <row r="50" spans="1:17" ht="13.5" customHeight="1">
      <c r="A50" s="236" t="s">
        <v>255</v>
      </c>
      <c r="B50" s="315"/>
      <c r="C50" s="296"/>
      <c r="D50" s="1019"/>
      <c r="E50" s="316"/>
      <c r="F50" s="316"/>
      <c r="G50" s="316"/>
      <c r="H50" s="316"/>
      <c r="I50" s="316"/>
      <c r="J50" s="316"/>
      <c r="K50" s="317"/>
    </row>
    <row r="51" spans="1:17" ht="13.5" customHeight="1">
      <c r="A51" s="236" t="s">
        <v>257</v>
      </c>
      <c r="B51" s="318">
        <v>712810</v>
      </c>
      <c r="C51" s="301" t="s">
        <v>469</v>
      </c>
      <c r="D51" s="1019"/>
      <c r="E51" s="319">
        <v>65378</v>
      </c>
      <c r="F51" s="320">
        <v>64718</v>
      </c>
      <c r="G51" s="319">
        <v>64905</v>
      </c>
      <c r="H51" s="321">
        <v>187</v>
      </c>
      <c r="I51" s="321">
        <v>660</v>
      </c>
      <c r="J51" s="319">
        <v>40264</v>
      </c>
      <c r="K51" s="320">
        <v>39604</v>
      </c>
    </row>
    <row r="52" spans="1:17" ht="13.5" customHeight="1">
      <c r="A52" s="302">
        <v>2</v>
      </c>
      <c r="B52" s="318">
        <v>795897</v>
      </c>
      <c r="C52" s="303" t="s">
        <v>268</v>
      </c>
      <c r="D52" s="1019"/>
      <c r="E52" s="304">
        <v>7934</v>
      </c>
      <c r="F52" s="320">
        <v>-121</v>
      </c>
      <c r="G52" s="304" t="s">
        <v>25</v>
      </c>
      <c r="H52" s="321">
        <v>121</v>
      </c>
      <c r="I52" s="321">
        <v>8055</v>
      </c>
      <c r="J52" s="304">
        <v>29015</v>
      </c>
      <c r="K52" s="320">
        <v>20960</v>
      </c>
    </row>
    <row r="53" spans="1:17" ht="13.5" customHeight="1">
      <c r="A53" s="236" t="s">
        <v>144</v>
      </c>
      <c r="B53" s="318">
        <v>1012286</v>
      </c>
      <c r="C53" s="303" t="s">
        <v>269</v>
      </c>
      <c r="D53" s="1019"/>
      <c r="E53" s="304">
        <v>23110</v>
      </c>
      <c r="F53" s="320">
        <v>-299</v>
      </c>
      <c r="G53" s="304" t="s">
        <v>25</v>
      </c>
      <c r="H53" s="321">
        <v>299</v>
      </c>
      <c r="I53" s="321">
        <v>23409</v>
      </c>
      <c r="J53" s="304">
        <v>193134</v>
      </c>
      <c r="K53" s="320">
        <v>169725</v>
      </c>
    </row>
    <row r="54" spans="1:17" ht="13.5" customHeight="1">
      <c r="A54" s="305" t="s">
        <v>478</v>
      </c>
      <c r="B54" s="318">
        <v>1076714</v>
      </c>
      <c r="C54" s="303" t="s">
        <v>270</v>
      </c>
      <c r="D54" s="1019"/>
      <c r="E54" s="304">
        <v>3244</v>
      </c>
      <c r="F54" s="320">
        <v>-522</v>
      </c>
      <c r="G54" s="304" t="s">
        <v>25</v>
      </c>
      <c r="H54" s="321">
        <v>522</v>
      </c>
      <c r="I54" s="321">
        <v>3766</v>
      </c>
      <c r="J54" s="304">
        <v>121154</v>
      </c>
      <c r="K54" s="320">
        <v>117388</v>
      </c>
    </row>
    <row r="55" spans="1:17" ht="13.5" customHeight="1">
      <c r="A55" s="236" t="s">
        <v>472</v>
      </c>
      <c r="B55" s="322">
        <v>1446403</v>
      </c>
      <c r="C55" s="306" t="s">
        <v>271</v>
      </c>
      <c r="D55" s="1019"/>
      <c r="E55" s="307">
        <v>282</v>
      </c>
      <c r="F55" s="323">
        <v>-1531</v>
      </c>
      <c r="G55" s="304" t="s">
        <v>25</v>
      </c>
      <c r="H55" s="324">
        <v>1531</v>
      </c>
      <c r="I55" s="324">
        <v>1813</v>
      </c>
      <c r="J55" s="304">
        <v>57389</v>
      </c>
      <c r="K55" s="323">
        <v>55576</v>
      </c>
    </row>
    <row r="56" spans="1:17" ht="13.5" customHeight="1">
      <c r="A56" s="305" t="s">
        <v>478</v>
      </c>
      <c r="B56" s="318">
        <v>1277590</v>
      </c>
      <c r="C56" s="303" t="s">
        <v>272</v>
      </c>
      <c r="D56" s="1019"/>
      <c r="E56" s="304">
        <v>-3001</v>
      </c>
      <c r="F56" s="320">
        <v>-3409</v>
      </c>
      <c r="G56" s="319" t="s">
        <v>25</v>
      </c>
      <c r="H56" s="321">
        <v>3409</v>
      </c>
      <c r="I56" s="321">
        <v>408</v>
      </c>
      <c r="J56" s="319">
        <v>32486</v>
      </c>
      <c r="K56" s="320">
        <v>32078</v>
      </c>
    </row>
    <row r="57" spans="1:17" ht="13.5" customHeight="1">
      <c r="A57" s="236" t="s">
        <v>473</v>
      </c>
      <c r="B57" s="318">
        <v>1022297</v>
      </c>
      <c r="C57" s="303" t="s">
        <v>273</v>
      </c>
      <c r="D57" s="1019"/>
      <c r="E57" s="304">
        <v>-7986</v>
      </c>
      <c r="F57" s="320">
        <v>-7227</v>
      </c>
      <c r="G57" s="304" t="s">
        <v>25</v>
      </c>
      <c r="H57" s="321">
        <v>7227</v>
      </c>
      <c r="I57" s="321">
        <v>-759</v>
      </c>
      <c r="J57" s="304">
        <v>17070</v>
      </c>
      <c r="K57" s="320">
        <v>17829</v>
      </c>
    </row>
    <row r="58" spans="1:17" ht="13.5" customHeight="1">
      <c r="A58" s="236" t="s">
        <v>474</v>
      </c>
      <c r="B58" s="318">
        <v>1082155</v>
      </c>
      <c r="C58" s="303" t="s">
        <v>274</v>
      </c>
      <c r="D58" s="1019"/>
      <c r="E58" s="304">
        <v>-17928</v>
      </c>
      <c r="F58" s="320">
        <v>-18524</v>
      </c>
      <c r="G58" s="304" t="s">
        <v>25</v>
      </c>
      <c r="H58" s="321">
        <v>18524</v>
      </c>
      <c r="I58" s="321">
        <v>596</v>
      </c>
      <c r="J58" s="304">
        <v>12266</v>
      </c>
      <c r="K58" s="320">
        <v>11670</v>
      </c>
    </row>
    <row r="59" spans="1:17" ht="13.5" customHeight="1">
      <c r="A59" s="236" t="s">
        <v>475</v>
      </c>
      <c r="B59" s="318">
        <v>562796</v>
      </c>
      <c r="C59" s="303" t="s">
        <v>275</v>
      </c>
      <c r="D59" s="1019"/>
      <c r="E59" s="304">
        <v>-29000</v>
      </c>
      <c r="F59" s="320">
        <v>-30323</v>
      </c>
      <c r="G59" s="304" t="s">
        <v>25</v>
      </c>
      <c r="H59" s="321">
        <v>30323</v>
      </c>
      <c r="I59" s="321">
        <v>1323</v>
      </c>
      <c r="J59" s="304">
        <v>8993</v>
      </c>
      <c r="K59" s="320">
        <v>7670</v>
      </c>
    </row>
    <row r="60" spans="1:17" ht="13.5" customHeight="1">
      <c r="A60" s="236"/>
      <c r="B60" s="322">
        <v>125174</v>
      </c>
      <c r="C60" s="306" t="s">
        <v>276</v>
      </c>
      <c r="D60" s="1019"/>
      <c r="E60" s="320">
        <v>-20008</v>
      </c>
      <c r="F60" s="320">
        <v>-20520</v>
      </c>
      <c r="G60" s="304" t="s">
        <v>25</v>
      </c>
      <c r="H60" s="324">
        <v>20520</v>
      </c>
      <c r="I60" s="321">
        <v>512</v>
      </c>
      <c r="J60" s="304">
        <v>2939</v>
      </c>
      <c r="K60" s="323">
        <v>2427</v>
      </c>
    </row>
    <row r="61" spans="1:17" ht="13.5" customHeight="1" thickBot="1">
      <c r="A61" s="873"/>
      <c r="B61" s="872">
        <v>4777</v>
      </c>
      <c r="C61" s="873" t="s">
        <v>476</v>
      </c>
      <c r="D61" s="1020"/>
      <c r="E61" s="869">
        <v>-1825</v>
      </c>
      <c r="F61" s="869">
        <v>-1842</v>
      </c>
      <c r="G61" s="870" t="s">
        <v>25</v>
      </c>
      <c r="H61" s="871">
        <v>1842</v>
      </c>
      <c r="I61" s="871">
        <v>17</v>
      </c>
      <c r="J61" s="870">
        <v>71</v>
      </c>
      <c r="K61" s="869">
        <v>54</v>
      </c>
      <c r="M61" s="328"/>
      <c r="N61" s="328"/>
      <c r="O61" s="328"/>
      <c r="P61" s="328"/>
      <c r="Q61" s="328"/>
    </row>
    <row r="62" spans="1:17" ht="13.5" customHeight="1" thickTop="1">
      <c r="A62" s="308"/>
      <c r="B62" s="325" t="s">
        <v>192</v>
      </c>
      <c r="C62" s="308"/>
      <c r="D62" s="309"/>
      <c r="E62" s="326" t="s">
        <v>192</v>
      </c>
      <c r="F62" s="326" t="s">
        <v>192</v>
      </c>
      <c r="G62" s="310" t="s">
        <v>192</v>
      </c>
      <c r="H62" s="311" t="s">
        <v>192</v>
      </c>
      <c r="I62" s="311" t="s">
        <v>192</v>
      </c>
      <c r="J62" s="327" t="s">
        <v>192</v>
      </c>
      <c r="K62" s="326" t="s">
        <v>192</v>
      </c>
    </row>
    <row r="63" spans="1:17" ht="13.5" customHeight="1">
      <c r="A63" s="233"/>
      <c r="B63" s="312">
        <v>9181625</v>
      </c>
      <c r="C63" s="294" t="s">
        <v>194</v>
      </c>
      <c r="D63" s="1018" t="s">
        <v>481</v>
      </c>
      <c r="E63" s="313">
        <v>18346</v>
      </c>
      <c r="F63" s="313">
        <v>-14771</v>
      </c>
      <c r="G63" s="313">
        <v>68228</v>
      </c>
      <c r="H63" s="313">
        <v>82999</v>
      </c>
      <c r="I63" s="313">
        <v>33117</v>
      </c>
      <c r="J63" s="313">
        <v>507579</v>
      </c>
      <c r="K63" s="314">
        <v>474462</v>
      </c>
      <c r="M63" s="328"/>
      <c r="N63" s="328"/>
      <c r="O63" s="328"/>
      <c r="P63" s="328"/>
      <c r="Q63" s="328"/>
    </row>
    <row r="64" spans="1:17" ht="13.5" customHeight="1">
      <c r="A64" s="236" t="s">
        <v>482</v>
      </c>
      <c r="B64" s="315"/>
      <c r="C64" s="296"/>
      <c r="D64" s="1019"/>
      <c r="E64" s="316"/>
      <c r="F64" s="316"/>
      <c r="G64" s="316"/>
      <c r="H64" s="316"/>
      <c r="I64" s="316"/>
      <c r="J64" s="316"/>
      <c r="K64" s="317"/>
      <c r="M64" s="328"/>
      <c r="N64" s="328"/>
      <c r="O64" s="328"/>
      <c r="P64" s="328"/>
      <c r="Q64" s="328"/>
    </row>
    <row r="65" spans="1:11" ht="13.5" customHeight="1">
      <c r="A65" s="236" t="s">
        <v>483</v>
      </c>
      <c r="B65" s="318">
        <v>722972</v>
      </c>
      <c r="C65" s="301" t="s">
        <v>469</v>
      </c>
      <c r="D65" s="1019"/>
      <c r="E65" s="319">
        <v>67958</v>
      </c>
      <c r="F65" s="320">
        <v>68022</v>
      </c>
      <c r="G65" s="319">
        <v>68228</v>
      </c>
      <c r="H65" s="321">
        <v>206</v>
      </c>
      <c r="I65" s="321">
        <v>-64</v>
      </c>
      <c r="J65" s="319">
        <v>40954</v>
      </c>
      <c r="K65" s="320">
        <v>41018</v>
      </c>
    </row>
    <row r="66" spans="1:11" ht="13.5" customHeight="1">
      <c r="A66" s="302">
        <v>31</v>
      </c>
      <c r="B66" s="318">
        <v>801435</v>
      </c>
      <c r="C66" s="303" t="s">
        <v>268</v>
      </c>
      <c r="D66" s="1019"/>
      <c r="E66" s="304">
        <v>7944</v>
      </c>
      <c r="F66" s="320">
        <v>-115</v>
      </c>
      <c r="G66" s="304" t="s">
        <v>25</v>
      </c>
      <c r="H66" s="321">
        <v>115</v>
      </c>
      <c r="I66" s="321">
        <v>8059</v>
      </c>
      <c r="J66" s="304">
        <v>28777</v>
      </c>
      <c r="K66" s="320">
        <v>20718</v>
      </c>
    </row>
    <row r="67" spans="1:11" ht="13.5" customHeight="1">
      <c r="A67" s="236" t="s">
        <v>144</v>
      </c>
      <c r="B67" s="318">
        <v>995329</v>
      </c>
      <c r="C67" s="303" t="s">
        <v>269</v>
      </c>
      <c r="D67" s="1019"/>
      <c r="E67" s="304">
        <v>20219</v>
      </c>
      <c r="F67" s="320">
        <v>-287</v>
      </c>
      <c r="G67" s="304" t="s">
        <v>25</v>
      </c>
      <c r="H67" s="321">
        <v>287</v>
      </c>
      <c r="I67" s="321">
        <v>20506</v>
      </c>
      <c r="J67" s="304">
        <v>184665</v>
      </c>
      <c r="K67" s="320">
        <v>164159</v>
      </c>
    </row>
    <row r="68" spans="1:11" ht="13.5" customHeight="1">
      <c r="A68" s="305" t="s">
        <v>478</v>
      </c>
      <c r="B68" s="318">
        <v>1102019</v>
      </c>
      <c r="C68" s="303" t="s">
        <v>270</v>
      </c>
      <c r="D68" s="1019"/>
      <c r="E68" s="304">
        <v>1684</v>
      </c>
      <c r="F68" s="320">
        <v>-516</v>
      </c>
      <c r="G68" s="304" t="s">
        <v>25</v>
      </c>
      <c r="H68" s="321">
        <v>516</v>
      </c>
      <c r="I68" s="321">
        <v>2200</v>
      </c>
      <c r="J68" s="304">
        <v>122265</v>
      </c>
      <c r="K68" s="320">
        <v>120065</v>
      </c>
    </row>
    <row r="69" spans="1:11" ht="13.5" customHeight="1">
      <c r="A69" s="236" t="s">
        <v>472</v>
      </c>
      <c r="B69" s="322">
        <v>1473665</v>
      </c>
      <c r="C69" s="306" t="s">
        <v>271</v>
      </c>
      <c r="D69" s="1019"/>
      <c r="E69" s="307">
        <v>-448</v>
      </c>
      <c r="F69" s="323">
        <v>-1633</v>
      </c>
      <c r="G69" s="304" t="s">
        <v>25</v>
      </c>
      <c r="H69" s="324">
        <v>1633</v>
      </c>
      <c r="I69" s="324">
        <v>1185</v>
      </c>
      <c r="J69" s="304">
        <v>58696</v>
      </c>
      <c r="K69" s="323">
        <v>57511</v>
      </c>
    </row>
    <row r="70" spans="1:11" ht="13.5" customHeight="1">
      <c r="A70" s="305" t="s">
        <v>478</v>
      </c>
      <c r="B70" s="318">
        <v>1231135</v>
      </c>
      <c r="C70" s="303" t="s">
        <v>272</v>
      </c>
      <c r="D70" s="1019"/>
      <c r="E70" s="304">
        <v>-3126</v>
      </c>
      <c r="F70" s="320">
        <v>-3320</v>
      </c>
      <c r="G70" s="319" t="s">
        <v>25</v>
      </c>
      <c r="H70" s="321">
        <v>3320</v>
      </c>
      <c r="I70" s="321">
        <v>194</v>
      </c>
      <c r="J70" s="319">
        <v>31422</v>
      </c>
      <c r="K70" s="320">
        <v>31228</v>
      </c>
    </row>
    <row r="71" spans="1:11" ht="13.5" customHeight="1">
      <c r="A71" s="236" t="s">
        <v>473</v>
      </c>
      <c r="B71" s="318">
        <v>1068250</v>
      </c>
      <c r="C71" s="303" t="s">
        <v>273</v>
      </c>
      <c r="D71" s="1019"/>
      <c r="E71" s="304">
        <v>-8576</v>
      </c>
      <c r="F71" s="320">
        <v>-7778</v>
      </c>
      <c r="G71" s="304" t="s">
        <v>25</v>
      </c>
      <c r="H71" s="321">
        <v>7778</v>
      </c>
      <c r="I71" s="321">
        <v>-798</v>
      </c>
      <c r="J71" s="304">
        <v>17528</v>
      </c>
      <c r="K71" s="320">
        <v>18326</v>
      </c>
    </row>
    <row r="72" spans="1:11" ht="13.5" customHeight="1">
      <c r="A72" s="236" t="s">
        <v>474</v>
      </c>
      <c r="B72" s="318">
        <v>1037862</v>
      </c>
      <c r="C72" s="303" t="s">
        <v>274</v>
      </c>
      <c r="D72" s="1019"/>
      <c r="E72" s="304">
        <v>-17862</v>
      </c>
      <c r="F72" s="320">
        <v>-18299</v>
      </c>
      <c r="G72" s="304" t="s">
        <v>25</v>
      </c>
      <c r="H72" s="321">
        <v>18299</v>
      </c>
      <c r="I72" s="321">
        <v>437</v>
      </c>
      <c r="J72" s="304">
        <v>11785</v>
      </c>
      <c r="K72" s="320">
        <v>11348</v>
      </c>
    </row>
    <row r="73" spans="1:11" ht="13.5" customHeight="1">
      <c r="A73" s="236" t="s">
        <v>475</v>
      </c>
      <c r="B73" s="318">
        <v>544341</v>
      </c>
      <c r="C73" s="303" t="s">
        <v>275</v>
      </c>
      <c r="D73" s="1019"/>
      <c r="E73" s="304">
        <v>-28744</v>
      </c>
      <c r="F73" s="320">
        <v>-29771</v>
      </c>
      <c r="G73" s="304" t="s">
        <v>25</v>
      </c>
      <c r="H73" s="321">
        <v>29771</v>
      </c>
      <c r="I73" s="321">
        <v>1027</v>
      </c>
      <c r="J73" s="304">
        <v>8781</v>
      </c>
      <c r="K73" s="320">
        <v>7754</v>
      </c>
    </row>
    <row r="74" spans="1:11" ht="13.5" customHeight="1">
      <c r="A74" s="233"/>
      <c r="B74" s="322">
        <v>117274</v>
      </c>
      <c r="C74" s="306" t="s">
        <v>276</v>
      </c>
      <c r="D74" s="1019"/>
      <c r="E74" s="320">
        <v>-18946</v>
      </c>
      <c r="F74" s="320">
        <v>-19318</v>
      </c>
      <c r="G74" s="304" t="s">
        <v>25</v>
      </c>
      <c r="H74" s="324">
        <v>19318</v>
      </c>
      <c r="I74" s="321">
        <v>372</v>
      </c>
      <c r="J74" s="304">
        <v>2646</v>
      </c>
      <c r="K74" s="323">
        <v>2274</v>
      </c>
    </row>
    <row r="75" spans="1:11" ht="13.5" customHeight="1" thickBot="1">
      <c r="A75" s="89"/>
      <c r="B75" s="872">
        <v>4417</v>
      </c>
      <c r="C75" s="873" t="s">
        <v>476</v>
      </c>
      <c r="D75" s="1020"/>
      <c r="E75" s="869">
        <v>-1757</v>
      </c>
      <c r="F75" s="869">
        <v>-1756</v>
      </c>
      <c r="G75" s="870" t="s">
        <v>25</v>
      </c>
      <c r="H75" s="871">
        <v>1756</v>
      </c>
      <c r="I75" s="871">
        <v>-1</v>
      </c>
      <c r="J75" s="870">
        <v>60</v>
      </c>
      <c r="K75" s="869">
        <v>61</v>
      </c>
    </row>
    <row r="76" spans="1:11" ht="12" thickTop="1">
      <c r="A76" s="130"/>
      <c r="B76" s="130"/>
      <c r="C76" s="130"/>
      <c r="D76" s="130"/>
      <c r="E76" s="130"/>
      <c r="F76" s="130"/>
      <c r="G76" s="130"/>
      <c r="H76" s="130"/>
      <c r="I76" s="130"/>
      <c r="J76" s="130"/>
      <c r="K76" s="130"/>
    </row>
    <row r="77" spans="1:11" ht="12">
      <c r="A77" s="544" t="s">
        <v>484</v>
      </c>
      <c r="B77" s="130"/>
      <c r="C77" s="130"/>
      <c r="D77" s="130"/>
      <c r="E77" s="130"/>
      <c r="F77" s="130"/>
      <c r="G77" s="130"/>
      <c r="H77" s="130"/>
      <c r="I77" s="130"/>
      <c r="J77" s="130"/>
      <c r="K77" s="130"/>
    </row>
    <row r="78" spans="1:11" ht="12">
      <c r="A78" s="544" t="s">
        <v>485</v>
      </c>
      <c r="B78" s="130"/>
      <c r="C78" s="130"/>
      <c r="D78" s="130"/>
      <c r="E78" s="130"/>
      <c r="F78" s="130"/>
      <c r="G78" s="130"/>
      <c r="H78" s="130"/>
      <c r="I78" s="130"/>
      <c r="J78" s="130"/>
      <c r="K78" s="130"/>
    </row>
    <row r="79" spans="1:11" ht="12">
      <c r="A79" s="544" t="s">
        <v>486</v>
      </c>
      <c r="B79" s="130"/>
      <c r="C79" s="130"/>
      <c r="D79" s="130"/>
      <c r="E79" s="130"/>
      <c r="F79" s="130"/>
      <c r="G79" s="130"/>
      <c r="H79" s="130"/>
      <c r="I79" s="130"/>
      <c r="J79" s="130"/>
      <c r="K79" s="130"/>
    </row>
  </sheetData>
  <mergeCells count="9">
    <mergeCell ref="D35:D47"/>
    <mergeCell ref="D49:D61"/>
    <mergeCell ref="D63:D75"/>
    <mergeCell ref="A3:B4"/>
    <mergeCell ref="C3:C4"/>
    <mergeCell ref="D3:E4"/>
    <mergeCell ref="D5:E5"/>
    <mergeCell ref="D7:D19"/>
    <mergeCell ref="D21:D33"/>
  </mergeCells>
  <phoneticPr fontId="2"/>
  <printOptions horizontalCentered="1" gridLinesSet="0"/>
  <pageMargins left="0.70866141732283472" right="0.70866141732283472" top="0.70866141732283472" bottom="0.70866141732283472" header="0.31496062992125984" footer="0.19685039370078741"/>
  <pageSetup paperSize="9" scale="76" firstPageNumber="21" orientation="portrait" blackAndWhite="1" r:id="rId1"/>
  <headerFooter scaleWithDoc="0" alignWithMargins="0"/>
  <drawing r:id="rId2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I48"/>
  <sheetViews>
    <sheetView view="pageBreakPreview" zoomScale="80" zoomScaleNormal="80" zoomScaleSheetLayoutView="80" workbookViewId="0">
      <pane ySplit="6" topLeftCell="A7" activePane="bottomLeft" state="frozen"/>
      <selection pane="bottomLeft"/>
    </sheetView>
  </sheetViews>
  <sheetFormatPr defaultRowHeight="13.5"/>
  <cols>
    <col min="1" max="1" width="17.5" style="151" customWidth="1"/>
    <col min="2" max="2" width="10.625" style="151" customWidth="1"/>
    <col min="3" max="8" width="8.75" style="151" customWidth="1"/>
    <col min="9" max="11" width="8.25" style="151" customWidth="1"/>
    <col min="12" max="12" width="8.75" style="151" customWidth="1"/>
    <col min="13" max="13" width="7.125" style="151" customWidth="1"/>
    <col min="14" max="14" width="8.75" style="151" customWidth="1"/>
    <col min="15" max="15" width="7.125" style="151" customWidth="1"/>
    <col min="16" max="16" width="8.75" style="151" customWidth="1"/>
    <col min="17" max="17" width="7.125" style="151" customWidth="1"/>
    <col min="18" max="21" width="8.75" style="151" customWidth="1"/>
    <col min="22" max="22" width="7.125" style="151" customWidth="1"/>
    <col min="23" max="23" width="8.75" style="151" customWidth="1"/>
    <col min="24" max="24" width="7.125" style="151" customWidth="1"/>
    <col min="25" max="25" width="8.75" style="151" customWidth="1"/>
    <col min="26" max="26" width="7.125" style="151" customWidth="1"/>
    <col min="27" max="27" width="8.75" style="151" customWidth="1"/>
    <col min="28" max="28" width="7.125" style="151" customWidth="1"/>
    <col min="29" max="29" width="8.75" style="151" customWidth="1"/>
    <col min="30" max="30" width="7.125" style="151" customWidth="1"/>
    <col min="31" max="31" width="8.75" style="151" customWidth="1"/>
    <col min="32" max="32" width="7.125" style="151" customWidth="1"/>
    <col min="33" max="16384" width="9" style="151"/>
  </cols>
  <sheetData>
    <row r="1" spans="1:35" ht="21" customHeight="1" thickBot="1">
      <c r="A1" s="897" t="s">
        <v>487</v>
      </c>
      <c r="B1" s="329"/>
      <c r="C1" s="329"/>
      <c r="D1" s="329"/>
      <c r="E1" s="329"/>
      <c r="S1" s="329"/>
      <c r="U1" s="329"/>
      <c r="V1" s="329"/>
      <c r="W1" s="329"/>
      <c r="AC1" s="330"/>
      <c r="AD1" s="330"/>
      <c r="AE1" s="535"/>
      <c r="AF1" s="536" t="s">
        <v>624</v>
      </c>
    </row>
    <row r="2" spans="1:35" s="346" customFormat="1" ht="22.5" customHeight="1" thickTop="1">
      <c r="A2" s="1036" t="s">
        <v>488</v>
      </c>
      <c r="B2" s="464"/>
      <c r="C2" s="331"/>
      <c r="D2" s="331"/>
      <c r="E2" s="331"/>
      <c r="F2" s="331"/>
      <c r="G2" s="331"/>
      <c r="H2" s="331"/>
      <c r="I2" s="331"/>
      <c r="J2" s="331"/>
      <c r="K2" s="331"/>
      <c r="L2" s="331"/>
      <c r="M2" s="331"/>
      <c r="N2" s="331"/>
      <c r="O2" s="331"/>
      <c r="P2" s="331"/>
      <c r="Q2" s="331"/>
      <c r="R2" s="331"/>
      <c r="S2" s="331"/>
      <c r="T2" s="331"/>
      <c r="U2" s="331"/>
      <c r="V2" s="331"/>
      <c r="W2" s="331"/>
      <c r="X2" s="331"/>
      <c r="Y2" s="331"/>
      <c r="Z2" s="331"/>
      <c r="AA2" s="331"/>
      <c r="AB2" s="331"/>
      <c r="AC2" s="331"/>
      <c r="AD2" s="331"/>
      <c r="AE2" s="331"/>
      <c r="AF2" s="148"/>
    </row>
    <row r="3" spans="1:35" s="495" customFormat="1" ht="22.5" customHeight="1">
      <c r="A3" s="1037"/>
      <c r="B3" s="332"/>
      <c r="C3" s="465"/>
      <c r="D3" s="333" t="s">
        <v>489</v>
      </c>
      <c r="E3" s="334"/>
      <c r="F3" s="466"/>
      <c r="G3" s="467"/>
      <c r="H3" s="335"/>
      <c r="I3" s="335"/>
      <c r="J3" s="335"/>
      <c r="K3" s="335"/>
      <c r="L3" s="335"/>
      <c r="M3" s="335"/>
      <c r="N3" s="335"/>
      <c r="O3" s="335"/>
      <c r="P3" s="335"/>
      <c r="Q3" s="335"/>
      <c r="R3" s="466"/>
      <c r="S3" s="467"/>
      <c r="T3" s="335"/>
      <c r="U3" s="335"/>
      <c r="V3" s="335"/>
      <c r="W3" s="335"/>
      <c r="X3" s="335"/>
      <c r="Y3" s="335"/>
      <c r="Z3" s="335"/>
      <c r="AA3" s="335"/>
      <c r="AB3" s="335"/>
      <c r="AC3" s="335"/>
      <c r="AD3" s="335"/>
      <c r="AE3" s="335"/>
      <c r="AF3" s="335"/>
    </row>
    <row r="4" spans="1:35" s="495" customFormat="1" ht="22.5" customHeight="1">
      <c r="A4" s="1037"/>
      <c r="B4" s="496" t="s">
        <v>253</v>
      </c>
      <c r="C4" s="1033" t="s">
        <v>490</v>
      </c>
      <c r="D4" s="1034"/>
      <c r="E4" s="1035"/>
      <c r="F4" s="1033" t="s">
        <v>422</v>
      </c>
      <c r="G4" s="1034"/>
      <c r="H4" s="1035"/>
      <c r="I4" s="1027" t="s">
        <v>423</v>
      </c>
      <c r="J4" s="1028"/>
      <c r="K4" s="1029"/>
      <c r="L4" s="1027" t="s">
        <v>491</v>
      </c>
      <c r="M4" s="1028"/>
      <c r="N4" s="1028"/>
      <c r="O4" s="1028"/>
      <c r="P4" s="1028"/>
      <c r="Q4" s="1029"/>
      <c r="R4" s="1033" t="s">
        <v>425</v>
      </c>
      <c r="S4" s="1034"/>
      <c r="T4" s="1035"/>
      <c r="U4" s="1027" t="s">
        <v>426</v>
      </c>
      <c r="V4" s="1028"/>
      <c r="W4" s="1028"/>
      <c r="X4" s="1028"/>
      <c r="Y4" s="1028"/>
      <c r="Z4" s="1029"/>
      <c r="AA4" s="1027" t="s">
        <v>427</v>
      </c>
      <c r="AB4" s="1028"/>
      <c r="AC4" s="1028"/>
      <c r="AD4" s="1028"/>
      <c r="AE4" s="1028"/>
      <c r="AF4" s="1028"/>
    </row>
    <row r="5" spans="1:35" s="497" customFormat="1" ht="22.5" customHeight="1">
      <c r="A5" s="1037"/>
      <c r="B5" s="347"/>
      <c r="C5" s="1030" t="s">
        <v>492</v>
      </c>
      <c r="D5" s="1031"/>
      <c r="E5" s="1032"/>
      <c r="F5" s="1030" t="s">
        <v>493</v>
      </c>
      <c r="G5" s="1031"/>
      <c r="H5" s="1032"/>
      <c r="I5" s="1030" t="s">
        <v>494</v>
      </c>
      <c r="J5" s="1031"/>
      <c r="K5" s="1032"/>
      <c r="L5" s="1030" t="s">
        <v>495</v>
      </c>
      <c r="M5" s="1031"/>
      <c r="N5" s="1031"/>
      <c r="O5" s="1031"/>
      <c r="P5" s="1031"/>
      <c r="Q5" s="1032"/>
      <c r="R5" s="1030" t="s">
        <v>496</v>
      </c>
      <c r="S5" s="1031"/>
      <c r="T5" s="1032"/>
      <c r="U5" s="1030" t="s">
        <v>433</v>
      </c>
      <c r="V5" s="1031"/>
      <c r="W5" s="1031"/>
      <c r="X5" s="1031"/>
      <c r="Y5" s="1031"/>
      <c r="Z5" s="1032"/>
      <c r="AA5" s="1030" t="s">
        <v>434</v>
      </c>
      <c r="AB5" s="1031"/>
      <c r="AC5" s="1031"/>
      <c r="AD5" s="1031"/>
      <c r="AE5" s="1031"/>
      <c r="AF5" s="1031"/>
      <c r="AI5" s="498"/>
    </row>
    <row r="6" spans="1:35" s="415" customFormat="1" ht="22.5" customHeight="1">
      <c r="A6" s="988"/>
      <c r="B6" s="470"/>
      <c r="C6" s="473" t="s">
        <v>497</v>
      </c>
      <c r="D6" s="472" t="s">
        <v>498</v>
      </c>
      <c r="E6" s="473" t="s">
        <v>499</v>
      </c>
      <c r="F6" s="474" t="s">
        <v>497</v>
      </c>
      <c r="G6" s="472" t="s">
        <v>498</v>
      </c>
      <c r="H6" s="473" t="s">
        <v>499</v>
      </c>
      <c r="I6" s="474" t="s">
        <v>500</v>
      </c>
      <c r="J6" s="472" t="s">
        <v>498</v>
      </c>
      <c r="K6" s="472" t="s">
        <v>499</v>
      </c>
      <c r="L6" s="475" t="s">
        <v>500</v>
      </c>
      <c r="M6" s="336" t="s">
        <v>501</v>
      </c>
      <c r="N6" s="475" t="s">
        <v>502</v>
      </c>
      <c r="O6" s="336" t="s">
        <v>501</v>
      </c>
      <c r="P6" s="475" t="s">
        <v>499</v>
      </c>
      <c r="Q6" s="336" t="s">
        <v>501</v>
      </c>
      <c r="R6" s="473" t="s">
        <v>497</v>
      </c>
      <c r="S6" s="472" t="s">
        <v>498</v>
      </c>
      <c r="T6" s="473" t="s">
        <v>499</v>
      </c>
      <c r="U6" s="474" t="s">
        <v>497</v>
      </c>
      <c r="V6" s="336" t="s">
        <v>501</v>
      </c>
      <c r="W6" s="475" t="s">
        <v>498</v>
      </c>
      <c r="X6" s="336" t="s">
        <v>501</v>
      </c>
      <c r="Y6" s="475" t="s">
        <v>499</v>
      </c>
      <c r="Z6" s="336" t="s">
        <v>501</v>
      </c>
      <c r="AA6" s="475" t="s">
        <v>497</v>
      </c>
      <c r="AB6" s="336" t="s">
        <v>501</v>
      </c>
      <c r="AC6" s="475" t="s">
        <v>498</v>
      </c>
      <c r="AD6" s="336" t="s">
        <v>501</v>
      </c>
      <c r="AE6" s="475" t="s">
        <v>499</v>
      </c>
      <c r="AF6" s="337" t="s">
        <v>501</v>
      </c>
    </row>
    <row r="7" spans="1:35" s="78" customFormat="1" ht="22.5" customHeight="1">
      <c r="A7" s="537" t="s">
        <v>192</v>
      </c>
      <c r="B7" s="239"/>
      <c r="C7" s="86" t="s">
        <v>192</v>
      </c>
      <c r="D7" s="105" t="s">
        <v>192</v>
      </c>
      <c r="E7" s="86" t="s">
        <v>192</v>
      </c>
      <c r="F7" s="106" t="s">
        <v>192</v>
      </c>
      <c r="G7" s="105" t="s">
        <v>192</v>
      </c>
      <c r="H7" s="86" t="s">
        <v>192</v>
      </c>
      <c r="I7" s="106" t="s">
        <v>192</v>
      </c>
      <c r="J7" s="105" t="s">
        <v>192</v>
      </c>
      <c r="K7" s="105" t="s">
        <v>192</v>
      </c>
      <c r="L7" s="479" t="s">
        <v>192</v>
      </c>
      <c r="M7" s="86" t="s">
        <v>503</v>
      </c>
      <c r="N7" s="479" t="s">
        <v>192</v>
      </c>
      <c r="O7" s="86" t="s">
        <v>503</v>
      </c>
      <c r="P7" s="479" t="s">
        <v>192</v>
      </c>
      <c r="Q7" s="86" t="s">
        <v>503</v>
      </c>
      <c r="R7" s="478" t="s">
        <v>192</v>
      </c>
      <c r="S7" s="105" t="s">
        <v>192</v>
      </c>
      <c r="T7" s="86" t="s">
        <v>192</v>
      </c>
      <c r="U7" s="479" t="s">
        <v>192</v>
      </c>
      <c r="V7" s="86" t="s">
        <v>503</v>
      </c>
      <c r="W7" s="479" t="s">
        <v>192</v>
      </c>
      <c r="X7" s="86" t="s">
        <v>503</v>
      </c>
      <c r="Y7" s="479" t="s">
        <v>192</v>
      </c>
      <c r="Z7" s="86" t="s">
        <v>503</v>
      </c>
      <c r="AA7" s="479" t="s">
        <v>192</v>
      </c>
      <c r="AB7" s="86" t="s">
        <v>503</v>
      </c>
      <c r="AC7" s="479" t="s">
        <v>192</v>
      </c>
      <c r="AD7" s="86" t="s">
        <v>503</v>
      </c>
      <c r="AE7" s="479" t="s">
        <v>192</v>
      </c>
      <c r="AF7" s="86" t="s">
        <v>503</v>
      </c>
    </row>
    <row r="8" spans="1:35" s="495" customFormat="1" ht="22.5" customHeight="1">
      <c r="A8" s="538">
        <v>9227901</v>
      </c>
      <c r="B8" s="338" t="s">
        <v>194</v>
      </c>
      <c r="C8" s="500">
        <v>-3276</v>
      </c>
      <c r="D8" s="501">
        <v>-5085</v>
      </c>
      <c r="E8" s="500">
        <v>1809</v>
      </c>
      <c r="F8" s="502">
        <v>-40970</v>
      </c>
      <c r="G8" s="501">
        <v>-23198</v>
      </c>
      <c r="H8" s="500">
        <v>-17772</v>
      </c>
      <c r="I8" s="502">
        <v>58118</v>
      </c>
      <c r="J8" s="501">
        <v>29533</v>
      </c>
      <c r="K8" s="501">
        <v>28585</v>
      </c>
      <c r="L8" s="502">
        <v>99088</v>
      </c>
      <c r="M8" s="339" t="s">
        <v>504</v>
      </c>
      <c r="N8" s="502">
        <v>52731</v>
      </c>
      <c r="O8" s="339" t="s">
        <v>505</v>
      </c>
      <c r="P8" s="502">
        <v>46357</v>
      </c>
      <c r="Q8" s="339" t="s">
        <v>505</v>
      </c>
      <c r="R8" s="501">
        <v>37694</v>
      </c>
      <c r="S8" s="501">
        <v>18113</v>
      </c>
      <c r="T8" s="500">
        <v>19581</v>
      </c>
      <c r="U8" s="502">
        <v>505665</v>
      </c>
      <c r="V8" s="339" t="s">
        <v>505</v>
      </c>
      <c r="W8" s="502">
        <v>269359</v>
      </c>
      <c r="X8" s="339" t="s">
        <v>505</v>
      </c>
      <c r="Y8" s="502">
        <v>236306</v>
      </c>
      <c r="Z8" s="339" t="s">
        <v>505</v>
      </c>
      <c r="AA8" s="502">
        <v>467971</v>
      </c>
      <c r="AB8" s="339" t="s">
        <v>505</v>
      </c>
      <c r="AC8" s="502">
        <v>251246</v>
      </c>
      <c r="AD8" s="339" t="s">
        <v>505</v>
      </c>
      <c r="AE8" s="502">
        <v>216725</v>
      </c>
      <c r="AF8" s="339" t="s">
        <v>505</v>
      </c>
    </row>
    <row r="9" spans="1:35" s="346" customFormat="1" ht="15.75" customHeight="1">
      <c r="A9" s="340"/>
      <c r="B9" s="341"/>
      <c r="C9" s="342"/>
      <c r="D9" s="299"/>
      <c r="E9" s="342"/>
      <c r="F9" s="298"/>
      <c r="G9" s="299"/>
      <c r="H9" s="342"/>
      <c r="I9" s="298"/>
      <c r="J9" s="299"/>
      <c r="K9" s="299"/>
      <c r="L9" s="298"/>
      <c r="M9" s="343"/>
      <c r="N9" s="298"/>
      <c r="O9" s="344"/>
      <c r="P9" s="298"/>
      <c r="Q9" s="345"/>
      <c r="R9" s="342"/>
      <c r="S9" s="299"/>
      <c r="T9" s="342"/>
      <c r="U9" s="298"/>
      <c r="V9" s="343"/>
      <c r="W9" s="298"/>
      <c r="X9" s="344"/>
      <c r="Y9" s="298"/>
      <c r="Z9" s="344"/>
      <c r="AA9" s="298"/>
      <c r="AB9" s="343"/>
      <c r="AC9" s="298"/>
      <c r="AD9" s="344"/>
      <c r="AE9" s="298"/>
      <c r="AF9" s="343"/>
    </row>
    <row r="10" spans="1:35" s="346" customFormat="1" ht="22.5" customHeight="1">
      <c r="A10" s="539">
        <v>310632</v>
      </c>
      <c r="B10" s="378" t="s">
        <v>436</v>
      </c>
      <c r="C10" s="503">
        <v>58647</v>
      </c>
      <c r="D10" s="504">
        <v>29835</v>
      </c>
      <c r="E10" s="503">
        <v>28812</v>
      </c>
      <c r="F10" s="505">
        <v>57972</v>
      </c>
      <c r="G10" s="504">
        <v>29457</v>
      </c>
      <c r="H10" s="503">
        <v>28515</v>
      </c>
      <c r="I10" s="506">
        <v>58118</v>
      </c>
      <c r="J10" s="506">
        <v>29533</v>
      </c>
      <c r="K10" s="506">
        <v>28585</v>
      </c>
      <c r="L10" s="507">
        <v>146</v>
      </c>
      <c r="M10" s="508">
        <v>0.1</v>
      </c>
      <c r="N10" s="505">
        <v>76</v>
      </c>
      <c r="O10" s="509">
        <v>0.1</v>
      </c>
      <c r="P10" s="505">
        <v>70</v>
      </c>
      <c r="Q10" s="509">
        <v>0.2</v>
      </c>
      <c r="R10" s="503">
        <v>675</v>
      </c>
      <c r="S10" s="504">
        <v>378</v>
      </c>
      <c r="T10" s="503">
        <v>297</v>
      </c>
      <c r="U10" s="505">
        <v>24531</v>
      </c>
      <c r="V10" s="508">
        <v>4.9000000000000004</v>
      </c>
      <c r="W10" s="505">
        <v>12742</v>
      </c>
      <c r="X10" s="509">
        <v>4.7</v>
      </c>
      <c r="Y10" s="505">
        <v>11789</v>
      </c>
      <c r="Z10" s="509">
        <v>5</v>
      </c>
      <c r="AA10" s="505">
        <v>23856</v>
      </c>
      <c r="AB10" s="508">
        <v>5.0999999999999996</v>
      </c>
      <c r="AC10" s="505">
        <v>12364</v>
      </c>
      <c r="AD10" s="509">
        <v>4.9000000000000004</v>
      </c>
      <c r="AE10" s="505">
        <v>11492</v>
      </c>
      <c r="AF10" s="508">
        <v>5.3</v>
      </c>
    </row>
    <row r="11" spans="1:35" s="346" customFormat="1" ht="22.5" customHeight="1">
      <c r="A11" s="539">
        <v>355954</v>
      </c>
      <c r="B11" s="380" t="s">
        <v>438</v>
      </c>
      <c r="C11" s="503">
        <v>103</v>
      </c>
      <c r="D11" s="504">
        <v>-14</v>
      </c>
      <c r="E11" s="503">
        <v>117</v>
      </c>
      <c r="F11" s="505">
        <v>-29</v>
      </c>
      <c r="G11" s="504">
        <v>-14</v>
      </c>
      <c r="H11" s="503">
        <v>-15</v>
      </c>
      <c r="I11" s="348" t="s">
        <v>72</v>
      </c>
      <c r="J11" s="349" t="s">
        <v>506</v>
      </c>
      <c r="K11" s="349" t="s">
        <v>72</v>
      </c>
      <c r="L11" s="505">
        <v>29</v>
      </c>
      <c r="M11" s="508">
        <v>0</v>
      </c>
      <c r="N11" s="505">
        <v>14</v>
      </c>
      <c r="O11" s="509">
        <v>0</v>
      </c>
      <c r="P11" s="505">
        <v>15</v>
      </c>
      <c r="Q11" s="509">
        <v>0</v>
      </c>
      <c r="R11" s="503">
        <v>132</v>
      </c>
      <c r="S11" s="504">
        <v>0</v>
      </c>
      <c r="T11" s="503">
        <v>132</v>
      </c>
      <c r="U11" s="505">
        <v>12950</v>
      </c>
      <c r="V11" s="508">
        <v>2.6</v>
      </c>
      <c r="W11" s="505">
        <v>6576</v>
      </c>
      <c r="X11" s="509">
        <v>2.4</v>
      </c>
      <c r="Y11" s="505">
        <v>6374</v>
      </c>
      <c r="Z11" s="509">
        <v>2.7</v>
      </c>
      <c r="AA11" s="505">
        <v>12818</v>
      </c>
      <c r="AB11" s="508">
        <v>2.7</v>
      </c>
      <c r="AC11" s="505">
        <v>6576</v>
      </c>
      <c r="AD11" s="509">
        <v>2.6</v>
      </c>
      <c r="AE11" s="505">
        <v>6242</v>
      </c>
      <c r="AF11" s="508">
        <v>2.9</v>
      </c>
    </row>
    <row r="12" spans="1:35" s="346" customFormat="1" ht="22.5" customHeight="1">
      <c r="A12" s="539">
        <v>380892</v>
      </c>
      <c r="B12" s="380" t="s">
        <v>439</v>
      </c>
      <c r="C12" s="503">
        <v>603</v>
      </c>
      <c r="D12" s="504">
        <v>324</v>
      </c>
      <c r="E12" s="503">
        <v>279</v>
      </c>
      <c r="F12" s="505">
        <v>-22</v>
      </c>
      <c r="G12" s="504">
        <v>-12</v>
      </c>
      <c r="H12" s="503">
        <v>-10</v>
      </c>
      <c r="I12" s="348" t="s">
        <v>506</v>
      </c>
      <c r="J12" s="349" t="s">
        <v>72</v>
      </c>
      <c r="K12" s="349" t="s">
        <v>72</v>
      </c>
      <c r="L12" s="505">
        <v>22</v>
      </c>
      <c r="M12" s="508">
        <v>0</v>
      </c>
      <c r="N12" s="505">
        <v>12</v>
      </c>
      <c r="O12" s="509">
        <v>0</v>
      </c>
      <c r="P12" s="505">
        <v>10</v>
      </c>
      <c r="Q12" s="509">
        <v>0</v>
      </c>
      <c r="R12" s="503">
        <v>625</v>
      </c>
      <c r="S12" s="504">
        <v>336</v>
      </c>
      <c r="T12" s="503">
        <v>289</v>
      </c>
      <c r="U12" s="505">
        <v>7323</v>
      </c>
      <c r="V12" s="508">
        <v>1.4</v>
      </c>
      <c r="W12" s="505">
        <v>3690</v>
      </c>
      <c r="X12" s="509">
        <v>1.4</v>
      </c>
      <c r="Y12" s="505">
        <v>3633</v>
      </c>
      <c r="Z12" s="509">
        <v>1.5</v>
      </c>
      <c r="AA12" s="505">
        <v>6698</v>
      </c>
      <c r="AB12" s="508">
        <v>1.4</v>
      </c>
      <c r="AC12" s="505">
        <v>3354</v>
      </c>
      <c r="AD12" s="509">
        <v>1.3</v>
      </c>
      <c r="AE12" s="505">
        <v>3344</v>
      </c>
      <c r="AF12" s="508">
        <v>1.5</v>
      </c>
    </row>
    <row r="13" spans="1:35" s="346" customFormat="1" ht="22.5" customHeight="1">
      <c r="A13" s="539">
        <v>397072</v>
      </c>
      <c r="B13" s="380" t="s">
        <v>440</v>
      </c>
      <c r="C13" s="503">
        <v>6095</v>
      </c>
      <c r="D13" s="504">
        <v>3247</v>
      </c>
      <c r="E13" s="503">
        <v>2848</v>
      </c>
      <c r="F13" s="505">
        <v>-75</v>
      </c>
      <c r="G13" s="504">
        <v>-45</v>
      </c>
      <c r="H13" s="503">
        <v>-30</v>
      </c>
      <c r="I13" s="348" t="s">
        <v>72</v>
      </c>
      <c r="J13" s="349" t="s">
        <v>72</v>
      </c>
      <c r="K13" s="349" t="s">
        <v>72</v>
      </c>
      <c r="L13" s="505">
        <v>75</v>
      </c>
      <c r="M13" s="508">
        <v>0.1</v>
      </c>
      <c r="N13" s="505">
        <v>45</v>
      </c>
      <c r="O13" s="509">
        <v>0.1</v>
      </c>
      <c r="P13" s="505">
        <v>30</v>
      </c>
      <c r="Q13" s="509">
        <v>0.1</v>
      </c>
      <c r="R13" s="503">
        <v>6170</v>
      </c>
      <c r="S13" s="504">
        <v>3292</v>
      </c>
      <c r="T13" s="503">
        <v>2878</v>
      </c>
      <c r="U13" s="505">
        <v>18521</v>
      </c>
      <c r="V13" s="508">
        <v>3.7</v>
      </c>
      <c r="W13" s="505">
        <v>10412</v>
      </c>
      <c r="X13" s="509">
        <v>3.9</v>
      </c>
      <c r="Y13" s="505">
        <v>8109</v>
      </c>
      <c r="Z13" s="509">
        <v>3.4</v>
      </c>
      <c r="AA13" s="505">
        <v>12351</v>
      </c>
      <c r="AB13" s="508">
        <v>2.6</v>
      </c>
      <c r="AC13" s="505">
        <v>7120</v>
      </c>
      <c r="AD13" s="509">
        <v>2.8</v>
      </c>
      <c r="AE13" s="505">
        <v>5231</v>
      </c>
      <c r="AF13" s="508">
        <v>2.4</v>
      </c>
    </row>
    <row r="14" spans="1:35" s="346" customFormat="1" ht="22.5" customHeight="1">
      <c r="A14" s="355">
        <v>494146</v>
      </c>
      <c r="B14" s="381" t="s">
        <v>441</v>
      </c>
      <c r="C14" s="510">
        <v>15852</v>
      </c>
      <c r="D14" s="511">
        <v>7787</v>
      </c>
      <c r="E14" s="510">
        <v>8065</v>
      </c>
      <c r="F14" s="512">
        <v>-181</v>
      </c>
      <c r="G14" s="511">
        <v>-111</v>
      </c>
      <c r="H14" s="510">
        <v>-70</v>
      </c>
      <c r="I14" s="513" t="s">
        <v>72</v>
      </c>
      <c r="J14" s="514" t="s">
        <v>72</v>
      </c>
      <c r="K14" s="514" t="s">
        <v>72</v>
      </c>
      <c r="L14" s="505">
        <v>181</v>
      </c>
      <c r="M14" s="515">
        <v>0.2</v>
      </c>
      <c r="N14" s="512">
        <v>111</v>
      </c>
      <c r="O14" s="516">
        <v>0.2</v>
      </c>
      <c r="P14" s="512">
        <v>70</v>
      </c>
      <c r="Q14" s="516">
        <v>0.2</v>
      </c>
      <c r="R14" s="510">
        <v>16033</v>
      </c>
      <c r="S14" s="511">
        <v>7898</v>
      </c>
      <c r="T14" s="510">
        <v>8135</v>
      </c>
      <c r="U14" s="512">
        <v>85223</v>
      </c>
      <c r="V14" s="515">
        <v>16.899999999999999</v>
      </c>
      <c r="W14" s="512">
        <v>44370</v>
      </c>
      <c r="X14" s="516">
        <v>16.5</v>
      </c>
      <c r="Y14" s="512">
        <v>40853</v>
      </c>
      <c r="Z14" s="516">
        <v>17.3</v>
      </c>
      <c r="AA14" s="512">
        <v>69190</v>
      </c>
      <c r="AB14" s="515">
        <v>14.8</v>
      </c>
      <c r="AC14" s="512">
        <v>36472</v>
      </c>
      <c r="AD14" s="516">
        <v>14.5</v>
      </c>
      <c r="AE14" s="512">
        <v>32718</v>
      </c>
      <c r="AF14" s="515">
        <v>15.1</v>
      </c>
    </row>
    <row r="15" spans="1:35" s="346" customFormat="1" ht="22.5" customHeight="1">
      <c r="A15" s="539">
        <v>498239</v>
      </c>
      <c r="B15" s="380" t="s">
        <v>442</v>
      </c>
      <c r="C15" s="503">
        <v>6631</v>
      </c>
      <c r="D15" s="504">
        <v>4206</v>
      </c>
      <c r="E15" s="503">
        <v>2425</v>
      </c>
      <c r="F15" s="505">
        <v>-182</v>
      </c>
      <c r="G15" s="504">
        <v>-112</v>
      </c>
      <c r="H15" s="503">
        <v>-70</v>
      </c>
      <c r="I15" s="348" t="s">
        <v>72</v>
      </c>
      <c r="J15" s="349" t="s">
        <v>72</v>
      </c>
      <c r="K15" s="349" t="s">
        <v>72</v>
      </c>
      <c r="L15" s="507">
        <v>182</v>
      </c>
      <c r="M15" s="508">
        <v>0.2</v>
      </c>
      <c r="N15" s="505">
        <v>112</v>
      </c>
      <c r="O15" s="509">
        <v>0.2</v>
      </c>
      <c r="P15" s="505">
        <v>70</v>
      </c>
      <c r="Q15" s="509">
        <v>0.2</v>
      </c>
      <c r="R15" s="503">
        <v>6813</v>
      </c>
      <c r="S15" s="504">
        <v>4318</v>
      </c>
      <c r="T15" s="503">
        <v>2495</v>
      </c>
      <c r="U15" s="505">
        <v>112010</v>
      </c>
      <c r="V15" s="508">
        <v>22.2</v>
      </c>
      <c r="W15" s="505">
        <v>59417</v>
      </c>
      <c r="X15" s="509">
        <v>22.1</v>
      </c>
      <c r="Y15" s="505">
        <v>52593</v>
      </c>
      <c r="Z15" s="509">
        <v>22.3</v>
      </c>
      <c r="AA15" s="505">
        <v>105197</v>
      </c>
      <c r="AB15" s="508">
        <v>22.5</v>
      </c>
      <c r="AC15" s="505">
        <v>55099</v>
      </c>
      <c r="AD15" s="509">
        <v>21.9</v>
      </c>
      <c r="AE15" s="505">
        <v>50098</v>
      </c>
      <c r="AF15" s="508">
        <v>23.1</v>
      </c>
    </row>
    <row r="16" spans="1:35" s="346" customFormat="1" ht="22.5" customHeight="1">
      <c r="A16" s="539">
        <v>483002</v>
      </c>
      <c r="B16" s="380" t="s">
        <v>443</v>
      </c>
      <c r="C16" s="503">
        <v>2888</v>
      </c>
      <c r="D16" s="504">
        <v>1447</v>
      </c>
      <c r="E16" s="503">
        <v>1441</v>
      </c>
      <c r="F16" s="505">
        <v>-170</v>
      </c>
      <c r="G16" s="504">
        <v>-116</v>
      </c>
      <c r="H16" s="503">
        <v>-54</v>
      </c>
      <c r="I16" s="348" t="s">
        <v>72</v>
      </c>
      <c r="J16" s="349" t="s">
        <v>72</v>
      </c>
      <c r="K16" s="349" t="s">
        <v>72</v>
      </c>
      <c r="L16" s="505">
        <v>170</v>
      </c>
      <c r="M16" s="508">
        <v>0.2</v>
      </c>
      <c r="N16" s="505">
        <v>116</v>
      </c>
      <c r="O16" s="509">
        <v>0.2</v>
      </c>
      <c r="P16" s="505">
        <v>54</v>
      </c>
      <c r="Q16" s="509">
        <v>0.1</v>
      </c>
      <c r="R16" s="503">
        <v>3058</v>
      </c>
      <c r="S16" s="504">
        <v>1563</v>
      </c>
      <c r="T16" s="503">
        <v>1495</v>
      </c>
      <c r="U16" s="505">
        <v>72190</v>
      </c>
      <c r="V16" s="508">
        <v>14.3</v>
      </c>
      <c r="W16" s="505">
        <v>38950</v>
      </c>
      <c r="X16" s="509">
        <v>14.5</v>
      </c>
      <c r="Y16" s="505">
        <v>33240</v>
      </c>
      <c r="Z16" s="509">
        <v>14.1</v>
      </c>
      <c r="AA16" s="505">
        <v>69132</v>
      </c>
      <c r="AB16" s="508">
        <v>14.8</v>
      </c>
      <c r="AC16" s="505">
        <v>37387</v>
      </c>
      <c r="AD16" s="509">
        <v>14.9</v>
      </c>
      <c r="AE16" s="505">
        <v>31745</v>
      </c>
      <c r="AF16" s="508">
        <v>14.6</v>
      </c>
    </row>
    <row r="17" spans="1:32" s="346" customFormat="1" ht="22.5" customHeight="1">
      <c r="A17" s="539">
        <v>533424</v>
      </c>
      <c r="B17" s="380" t="s">
        <v>444</v>
      </c>
      <c r="C17" s="503">
        <v>1361</v>
      </c>
      <c r="D17" s="504">
        <v>576</v>
      </c>
      <c r="E17" s="503">
        <v>785</v>
      </c>
      <c r="F17" s="505">
        <v>-288</v>
      </c>
      <c r="G17" s="504">
        <v>-183</v>
      </c>
      <c r="H17" s="503">
        <v>-105</v>
      </c>
      <c r="I17" s="348" t="s">
        <v>72</v>
      </c>
      <c r="J17" s="349" t="s">
        <v>72</v>
      </c>
      <c r="K17" s="349" t="s">
        <v>72</v>
      </c>
      <c r="L17" s="505">
        <v>288</v>
      </c>
      <c r="M17" s="508">
        <v>0.3</v>
      </c>
      <c r="N17" s="505">
        <v>183</v>
      </c>
      <c r="O17" s="509">
        <v>0.3</v>
      </c>
      <c r="P17" s="505">
        <v>105</v>
      </c>
      <c r="Q17" s="509">
        <v>0.2</v>
      </c>
      <c r="R17" s="503">
        <v>1649</v>
      </c>
      <c r="S17" s="504">
        <v>759</v>
      </c>
      <c r="T17" s="503">
        <v>890</v>
      </c>
      <c r="U17" s="505">
        <v>44588</v>
      </c>
      <c r="V17" s="508">
        <v>8.8000000000000007</v>
      </c>
      <c r="W17" s="505">
        <v>24895</v>
      </c>
      <c r="X17" s="509">
        <v>9.1999999999999993</v>
      </c>
      <c r="Y17" s="505">
        <v>19693</v>
      </c>
      <c r="Z17" s="509">
        <v>8.3000000000000007</v>
      </c>
      <c r="AA17" s="505">
        <v>42939</v>
      </c>
      <c r="AB17" s="508">
        <v>9.1999999999999993</v>
      </c>
      <c r="AC17" s="505">
        <v>24136</v>
      </c>
      <c r="AD17" s="509">
        <v>9.6</v>
      </c>
      <c r="AE17" s="505">
        <v>18803</v>
      </c>
      <c r="AF17" s="508">
        <v>8.6999999999999993</v>
      </c>
    </row>
    <row r="18" spans="1:32" s="346" customFormat="1" ht="22.5" customHeight="1">
      <c r="A18" s="539">
        <v>596485</v>
      </c>
      <c r="B18" s="380" t="s">
        <v>445</v>
      </c>
      <c r="C18" s="503">
        <v>582</v>
      </c>
      <c r="D18" s="504">
        <v>174</v>
      </c>
      <c r="E18" s="503">
        <v>408</v>
      </c>
      <c r="F18" s="505">
        <v>-491</v>
      </c>
      <c r="G18" s="504">
        <v>-299</v>
      </c>
      <c r="H18" s="503">
        <v>-192</v>
      </c>
      <c r="I18" s="348" t="s">
        <v>72</v>
      </c>
      <c r="J18" s="349" t="s">
        <v>72</v>
      </c>
      <c r="K18" s="349" t="s">
        <v>72</v>
      </c>
      <c r="L18" s="505">
        <v>491</v>
      </c>
      <c r="M18" s="508">
        <v>0.5</v>
      </c>
      <c r="N18" s="505">
        <v>299</v>
      </c>
      <c r="O18" s="509">
        <v>0.6</v>
      </c>
      <c r="P18" s="505">
        <v>192</v>
      </c>
      <c r="Q18" s="509">
        <v>0.4</v>
      </c>
      <c r="R18" s="503">
        <v>1073</v>
      </c>
      <c r="S18" s="504">
        <v>473</v>
      </c>
      <c r="T18" s="503">
        <v>600</v>
      </c>
      <c r="U18" s="505">
        <v>29022</v>
      </c>
      <c r="V18" s="508">
        <v>5.7</v>
      </c>
      <c r="W18" s="505">
        <v>16640</v>
      </c>
      <c r="X18" s="509">
        <v>6.2</v>
      </c>
      <c r="Y18" s="505">
        <v>12382</v>
      </c>
      <c r="Z18" s="509">
        <v>5.2</v>
      </c>
      <c r="AA18" s="505">
        <v>27949</v>
      </c>
      <c r="AB18" s="508">
        <v>6</v>
      </c>
      <c r="AC18" s="505">
        <v>16167</v>
      </c>
      <c r="AD18" s="509">
        <v>6.4</v>
      </c>
      <c r="AE18" s="505">
        <v>11782</v>
      </c>
      <c r="AF18" s="508">
        <v>5.4</v>
      </c>
    </row>
    <row r="19" spans="1:32" s="346" customFormat="1" ht="22.5" customHeight="1">
      <c r="A19" s="355">
        <v>718800</v>
      </c>
      <c r="B19" s="381" t="s">
        <v>446</v>
      </c>
      <c r="C19" s="510">
        <v>-357</v>
      </c>
      <c r="D19" s="511">
        <v>-545</v>
      </c>
      <c r="E19" s="510">
        <v>188</v>
      </c>
      <c r="F19" s="512">
        <v>-1008</v>
      </c>
      <c r="G19" s="511">
        <v>-639</v>
      </c>
      <c r="H19" s="510">
        <v>-369</v>
      </c>
      <c r="I19" s="513" t="s">
        <v>72</v>
      </c>
      <c r="J19" s="514" t="s">
        <v>72</v>
      </c>
      <c r="K19" s="514" t="s">
        <v>72</v>
      </c>
      <c r="L19" s="505">
        <v>1008</v>
      </c>
      <c r="M19" s="515">
        <v>1</v>
      </c>
      <c r="N19" s="512">
        <v>639</v>
      </c>
      <c r="O19" s="516">
        <v>1.2</v>
      </c>
      <c r="P19" s="512">
        <v>369</v>
      </c>
      <c r="Q19" s="516">
        <v>0.8</v>
      </c>
      <c r="R19" s="510">
        <v>651</v>
      </c>
      <c r="S19" s="511">
        <v>94</v>
      </c>
      <c r="T19" s="510">
        <v>557</v>
      </c>
      <c r="U19" s="512">
        <v>23064</v>
      </c>
      <c r="V19" s="515">
        <v>4.5999999999999996</v>
      </c>
      <c r="W19" s="512">
        <v>13062</v>
      </c>
      <c r="X19" s="516">
        <v>4.8</v>
      </c>
      <c r="Y19" s="512">
        <v>10002</v>
      </c>
      <c r="Z19" s="516">
        <v>4.2</v>
      </c>
      <c r="AA19" s="512">
        <v>22413</v>
      </c>
      <c r="AB19" s="515">
        <v>4.8</v>
      </c>
      <c r="AC19" s="512">
        <v>12968</v>
      </c>
      <c r="AD19" s="516">
        <v>5.2</v>
      </c>
      <c r="AE19" s="512">
        <v>9445</v>
      </c>
      <c r="AF19" s="515">
        <v>4.4000000000000004</v>
      </c>
    </row>
    <row r="20" spans="1:32" s="346" customFormat="1" ht="22.5" customHeight="1">
      <c r="A20" s="539">
        <v>764162</v>
      </c>
      <c r="B20" s="380" t="s">
        <v>447</v>
      </c>
      <c r="C20" s="503">
        <v>-1379</v>
      </c>
      <c r="D20" s="504">
        <v>-1137</v>
      </c>
      <c r="E20" s="503">
        <v>-242</v>
      </c>
      <c r="F20" s="505">
        <v>-1616</v>
      </c>
      <c r="G20" s="504">
        <v>-1016</v>
      </c>
      <c r="H20" s="503">
        <v>-600</v>
      </c>
      <c r="I20" s="348" t="s">
        <v>72</v>
      </c>
      <c r="J20" s="349" t="s">
        <v>72</v>
      </c>
      <c r="K20" s="349" t="s">
        <v>72</v>
      </c>
      <c r="L20" s="507">
        <v>1616</v>
      </c>
      <c r="M20" s="508">
        <v>1.6</v>
      </c>
      <c r="N20" s="505">
        <v>1016</v>
      </c>
      <c r="O20" s="509">
        <v>1.9</v>
      </c>
      <c r="P20" s="505">
        <v>600</v>
      </c>
      <c r="Q20" s="509">
        <v>1.3</v>
      </c>
      <c r="R20" s="503">
        <v>237</v>
      </c>
      <c r="S20" s="504">
        <v>-121</v>
      </c>
      <c r="T20" s="503">
        <v>358</v>
      </c>
      <c r="U20" s="505">
        <v>19784</v>
      </c>
      <c r="V20" s="508">
        <v>3.9</v>
      </c>
      <c r="W20" s="505">
        <v>10953</v>
      </c>
      <c r="X20" s="509">
        <v>4.0999999999999996</v>
      </c>
      <c r="Y20" s="505">
        <v>8831</v>
      </c>
      <c r="Z20" s="509">
        <v>3.7</v>
      </c>
      <c r="AA20" s="505">
        <v>19547</v>
      </c>
      <c r="AB20" s="508">
        <v>4.2</v>
      </c>
      <c r="AC20" s="505">
        <v>11074</v>
      </c>
      <c r="AD20" s="509">
        <v>4.4000000000000004</v>
      </c>
      <c r="AE20" s="505">
        <v>8473</v>
      </c>
      <c r="AF20" s="508">
        <v>3.9</v>
      </c>
    </row>
    <row r="21" spans="1:32" s="346" customFormat="1" ht="22.5" customHeight="1">
      <c r="A21" s="539">
        <v>639903</v>
      </c>
      <c r="B21" s="380" t="s">
        <v>448</v>
      </c>
      <c r="C21" s="503">
        <v>-2591</v>
      </c>
      <c r="D21" s="504">
        <v>-1848</v>
      </c>
      <c r="E21" s="503">
        <v>-743</v>
      </c>
      <c r="F21" s="505">
        <v>-2283</v>
      </c>
      <c r="G21" s="504">
        <v>-1545</v>
      </c>
      <c r="H21" s="503">
        <v>-738</v>
      </c>
      <c r="I21" s="348" t="s">
        <v>72</v>
      </c>
      <c r="J21" s="349" t="s">
        <v>72</v>
      </c>
      <c r="K21" s="349" t="s">
        <v>72</v>
      </c>
      <c r="L21" s="505">
        <v>2283</v>
      </c>
      <c r="M21" s="508">
        <v>2.2999999999999998</v>
      </c>
      <c r="N21" s="505">
        <v>1545</v>
      </c>
      <c r="O21" s="509">
        <v>2.9</v>
      </c>
      <c r="P21" s="505">
        <v>738</v>
      </c>
      <c r="Q21" s="509">
        <v>1.6</v>
      </c>
      <c r="R21" s="503">
        <v>-308</v>
      </c>
      <c r="S21" s="504">
        <v>-303</v>
      </c>
      <c r="T21" s="503">
        <v>-5</v>
      </c>
      <c r="U21" s="505">
        <v>14576</v>
      </c>
      <c r="V21" s="508">
        <v>2.9</v>
      </c>
      <c r="W21" s="505">
        <v>8213</v>
      </c>
      <c r="X21" s="509">
        <v>3</v>
      </c>
      <c r="Y21" s="505">
        <v>6363</v>
      </c>
      <c r="Z21" s="509">
        <v>2.7</v>
      </c>
      <c r="AA21" s="505">
        <v>14884</v>
      </c>
      <c r="AB21" s="508">
        <v>3.2</v>
      </c>
      <c r="AC21" s="505">
        <v>8516</v>
      </c>
      <c r="AD21" s="509">
        <v>3.4</v>
      </c>
      <c r="AE21" s="505">
        <v>6368</v>
      </c>
      <c r="AF21" s="508">
        <v>2.9</v>
      </c>
    </row>
    <row r="22" spans="1:32" s="346" customFormat="1" ht="22.5" customHeight="1">
      <c r="A22" s="539">
        <v>514826</v>
      </c>
      <c r="B22" s="380" t="s">
        <v>449</v>
      </c>
      <c r="C22" s="503">
        <v>-3472</v>
      </c>
      <c r="D22" s="504">
        <v>-2448</v>
      </c>
      <c r="E22" s="503">
        <v>-1024</v>
      </c>
      <c r="F22" s="505">
        <v>-2895</v>
      </c>
      <c r="G22" s="504">
        <v>-1976</v>
      </c>
      <c r="H22" s="503">
        <v>-919</v>
      </c>
      <c r="I22" s="348" t="s">
        <v>72</v>
      </c>
      <c r="J22" s="349" t="s">
        <v>72</v>
      </c>
      <c r="K22" s="349" t="s">
        <v>72</v>
      </c>
      <c r="L22" s="505">
        <v>2895</v>
      </c>
      <c r="M22" s="508">
        <v>2.9</v>
      </c>
      <c r="N22" s="505">
        <v>1976</v>
      </c>
      <c r="O22" s="509">
        <v>3.7</v>
      </c>
      <c r="P22" s="505">
        <v>919</v>
      </c>
      <c r="Q22" s="509">
        <v>2</v>
      </c>
      <c r="R22" s="503">
        <v>-577</v>
      </c>
      <c r="S22" s="504">
        <v>-472</v>
      </c>
      <c r="T22" s="503">
        <v>-105</v>
      </c>
      <c r="U22" s="505">
        <v>9870</v>
      </c>
      <c r="V22" s="508">
        <v>2</v>
      </c>
      <c r="W22" s="505">
        <v>5639</v>
      </c>
      <c r="X22" s="509">
        <v>2.1</v>
      </c>
      <c r="Y22" s="505">
        <v>4231</v>
      </c>
      <c r="Z22" s="509">
        <v>1.8</v>
      </c>
      <c r="AA22" s="505">
        <v>10447</v>
      </c>
      <c r="AB22" s="508">
        <v>2.2000000000000002</v>
      </c>
      <c r="AC22" s="505">
        <v>6111</v>
      </c>
      <c r="AD22" s="509">
        <v>2.4</v>
      </c>
      <c r="AE22" s="505">
        <v>4336</v>
      </c>
      <c r="AF22" s="508">
        <v>2</v>
      </c>
    </row>
    <row r="23" spans="1:32" s="346" customFormat="1" ht="22.5" customHeight="1">
      <c r="A23" s="539">
        <v>462767</v>
      </c>
      <c r="B23" s="380" t="s">
        <v>450</v>
      </c>
      <c r="C23" s="503">
        <v>-4646</v>
      </c>
      <c r="D23" s="504">
        <v>-3295</v>
      </c>
      <c r="E23" s="503">
        <v>-1351</v>
      </c>
      <c r="F23" s="505">
        <v>-4051</v>
      </c>
      <c r="G23" s="504">
        <v>-2823</v>
      </c>
      <c r="H23" s="503">
        <v>-1228</v>
      </c>
      <c r="I23" s="348" t="s">
        <v>72</v>
      </c>
      <c r="J23" s="349" t="s">
        <v>72</v>
      </c>
      <c r="K23" s="349" t="s">
        <v>72</v>
      </c>
      <c r="L23" s="505">
        <v>4051</v>
      </c>
      <c r="M23" s="508">
        <v>4.0999999999999996</v>
      </c>
      <c r="N23" s="505">
        <v>2823</v>
      </c>
      <c r="O23" s="509">
        <v>5.4</v>
      </c>
      <c r="P23" s="505">
        <v>1228</v>
      </c>
      <c r="Q23" s="509">
        <v>2.6</v>
      </c>
      <c r="R23" s="503">
        <v>-595</v>
      </c>
      <c r="S23" s="504">
        <v>-472</v>
      </c>
      <c r="T23" s="503">
        <v>-123</v>
      </c>
      <c r="U23" s="505">
        <v>6904</v>
      </c>
      <c r="V23" s="508">
        <v>1.4</v>
      </c>
      <c r="W23" s="505">
        <v>3830</v>
      </c>
      <c r="X23" s="509">
        <v>1.4</v>
      </c>
      <c r="Y23" s="505">
        <v>3074</v>
      </c>
      <c r="Z23" s="509">
        <v>1.3</v>
      </c>
      <c r="AA23" s="505">
        <v>7499</v>
      </c>
      <c r="AB23" s="508">
        <v>1.6</v>
      </c>
      <c r="AC23" s="505">
        <v>4302</v>
      </c>
      <c r="AD23" s="509">
        <v>1.7</v>
      </c>
      <c r="AE23" s="505">
        <v>3197</v>
      </c>
      <c r="AF23" s="508">
        <v>1.5</v>
      </c>
    </row>
    <row r="24" spans="1:32" s="346" customFormat="1" ht="22.5" customHeight="1">
      <c r="A24" s="355">
        <v>583758</v>
      </c>
      <c r="B24" s="380" t="s">
        <v>451</v>
      </c>
      <c r="C24" s="510">
        <v>-8697</v>
      </c>
      <c r="D24" s="511">
        <v>-6091</v>
      </c>
      <c r="E24" s="510">
        <v>-2606</v>
      </c>
      <c r="F24" s="512">
        <v>-8635</v>
      </c>
      <c r="G24" s="511">
        <v>-5947</v>
      </c>
      <c r="H24" s="510">
        <v>-2688</v>
      </c>
      <c r="I24" s="513" t="s">
        <v>72</v>
      </c>
      <c r="J24" s="514" t="s">
        <v>72</v>
      </c>
      <c r="K24" s="514" t="s">
        <v>72</v>
      </c>
      <c r="L24" s="512">
        <v>8635</v>
      </c>
      <c r="M24" s="515">
        <v>8.6999999999999993</v>
      </c>
      <c r="N24" s="512">
        <v>5947</v>
      </c>
      <c r="O24" s="516">
        <v>11.3</v>
      </c>
      <c r="P24" s="512">
        <v>2688</v>
      </c>
      <c r="Q24" s="516">
        <v>5.8</v>
      </c>
      <c r="R24" s="510">
        <v>-62</v>
      </c>
      <c r="S24" s="511">
        <v>-144</v>
      </c>
      <c r="T24" s="510">
        <v>82</v>
      </c>
      <c r="U24" s="512">
        <v>6753</v>
      </c>
      <c r="V24" s="515">
        <v>1.3</v>
      </c>
      <c r="W24" s="512">
        <v>3445</v>
      </c>
      <c r="X24" s="516">
        <v>1.3</v>
      </c>
      <c r="Y24" s="512">
        <v>3308</v>
      </c>
      <c r="Z24" s="516">
        <v>1.4</v>
      </c>
      <c r="AA24" s="512">
        <v>6815</v>
      </c>
      <c r="AB24" s="515">
        <v>1.5</v>
      </c>
      <c r="AC24" s="512">
        <v>3589</v>
      </c>
      <c r="AD24" s="516">
        <v>1.4</v>
      </c>
      <c r="AE24" s="512">
        <v>3226</v>
      </c>
      <c r="AF24" s="515">
        <v>1.5</v>
      </c>
    </row>
    <row r="25" spans="1:32" s="346" customFormat="1" ht="22.5" customHeight="1">
      <c r="A25" s="539">
        <v>484395</v>
      </c>
      <c r="B25" s="518" t="s">
        <v>452</v>
      </c>
      <c r="C25" s="503">
        <v>-11108</v>
      </c>
      <c r="D25" s="504">
        <v>-7384</v>
      </c>
      <c r="E25" s="503">
        <v>-3724</v>
      </c>
      <c r="F25" s="505">
        <v>-11353</v>
      </c>
      <c r="G25" s="504">
        <v>-7419</v>
      </c>
      <c r="H25" s="503">
        <v>-3934</v>
      </c>
      <c r="I25" s="348" t="s">
        <v>72</v>
      </c>
      <c r="J25" s="349" t="s">
        <v>72</v>
      </c>
      <c r="K25" s="349" t="s">
        <v>72</v>
      </c>
      <c r="L25" s="507">
        <v>11353</v>
      </c>
      <c r="M25" s="508">
        <v>11.5</v>
      </c>
      <c r="N25" s="505">
        <v>7419</v>
      </c>
      <c r="O25" s="509">
        <v>14.1</v>
      </c>
      <c r="P25" s="505">
        <v>3934</v>
      </c>
      <c r="Q25" s="509">
        <v>8.5</v>
      </c>
      <c r="R25" s="503">
        <v>245</v>
      </c>
      <c r="S25" s="504">
        <v>35</v>
      </c>
      <c r="T25" s="503">
        <v>210</v>
      </c>
      <c r="U25" s="505">
        <v>5385</v>
      </c>
      <c r="V25" s="508">
        <v>1.1000000000000001</v>
      </c>
      <c r="W25" s="505">
        <v>2430</v>
      </c>
      <c r="X25" s="509">
        <v>0.9</v>
      </c>
      <c r="Y25" s="505">
        <v>2955</v>
      </c>
      <c r="Z25" s="509">
        <v>1.3</v>
      </c>
      <c r="AA25" s="505">
        <v>5140</v>
      </c>
      <c r="AB25" s="508">
        <v>1.1000000000000001</v>
      </c>
      <c r="AC25" s="505">
        <v>2395</v>
      </c>
      <c r="AD25" s="509">
        <v>1</v>
      </c>
      <c r="AE25" s="505">
        <v>2745</v>
      </c>
      <c r="AF25" s="508">
        <v>1.3</v>
      </c>
    </row>
    <row r="26" spans="1:32" s="346" customFormat="1" ht="22.5" customHeight="1">
      <c r="A26" s="539">
        <v>389248</v>
      </c>
      <c r="B26" s="380" t="s">
        <v>453</v>
      </c>
      <c r="C26" s="503">
        <v>-15835</v>
      </c>
      <c r="D26" s="504">
        <v>-9593</v>
      </c>
      <c r="E26" s="503">
        <v>-6242</v>
      </c>
      <c r="F26" s="505">
        <v>-16453</v>
      </c>
      <c r="G26" s="504">
        <v>-9754</v>
      </c>
      <c r="H26" s="503">
        <v>-6699</v>
      </c>
      <c r="I26" s="348" t="s">
        <v>72</v>
      </c>
      <c r="J26" s="349" t="s">
        <v>72</v>
      </c>
      <c r="K26" s="349" t="s">
        <v>72</v>
      </c>
      <c r="L26" s="505">
        <v>16453</v>
      </c>
      <c r="M26" s="508">
        <v>16.600000000000001</v>
      </c>
      <c r="N26" s="505">
        <v>9754</v>
      </c>
      <c r="O26" s="509">
        <v>18.5</v>
      </c>
      <c r="P26" s="505">
        <v>6699</v>
      </c>
      <c r="Q26" s="509">
        <v>14.5</v>
      </c>
      <c r="R26" s="503">
        <v>618</v>
      </c>
      <c r="S26" s="504">
        <v>161</v>
      </c>
      <c r="T26" s="503">
        <v>457</v>
      </c>
      <c r="U26" s="505">
        <v>5079</v>
      </c>
      <c r="V26" s="508">
        <v>1</v>
      </c>
      <c r="W26" s="505">
        <v>1871</v>
      </c>
      <c r="X26" s="509">
        <v>0.7</v>
      </c>
      <c r="Y26" s="505">
        <v>3208</v>
      </c>
      <c r="Z26" s="509">
        <v>1.4</v>
      </c>
      <c r="AA26" s="505">
        <v>4461</v>
      </c>
      <c r="AB26" s="508">
        <v>1</v>
      </c>
      <c r="AC26" s="505">
        <v>1710</v>
      </c>
      <c r="AD26" s="509">
        <v>0.7</v>
      </c>
      <c r="AE26" s="505">
        <v>2751</v>
      </c>
      <c r="AF26" s="508">
        <v>1.3</v>
      </c>
    </row>
    <row r="27" spans="1:32" s="346" customFormat="1" ht="22.5" customHeight="1">
      <c r="A27" s="539">
        <v>252310</v>
      </c>
      <c r="B27" s="380" t="s">
        <v>454</v>
      </c>
      <c r="C27" s="503">
        <v>-19368</v>
      </c>
      <c r="D27" s="504">
        <v>-10341</v>
      </c>
      <c r="E27" s="503">
        <v>-9027</v>
      </c>
      <c r="F27" s="505">
        <v>-20133</v>
      </c>
      <c r="G27" s="504">
        <v>-10542</v>
      </c>
      <c r="H27" s="503">
        <v>-9591</v>
      </c>
      <c r="I27" s="348" t="s">
        <v>72</v>
      </c>
      <c r="J27" s="349" t="s">
        <v>72</v>
      </c>
      <c r="K27" s="349" t="s">
        <v>72</v>
      </c>
      <c r="L27" s="505">
        <v>20133</v>
      </c>
      <c r="M27" s="508">
        <v>20.3</v>
      </c>
      <c r="N27" s="505">
        <v>10542</v>
      </c>
      <c r="O27" s="509">
        <v>20</v>
      </c>
      <c r="P27" s="505">
        <v>9591</v>
      </c>
      <c r="Q27" s="509">
        <v>20.7</v>
      </c>
      <c r="R27" s="503">
        <v>765</v>
      </c>
      <c r="S27" s="504">
        <v>201</v>
      </c>
      <c r="T27" s="503">
        <v>564</v>
      </c>
      <c r="U27" s="505">
        <v>4631</v>
      </c>
      <c r="V27" s="508">
        <v>0.9</v>
      </c>
      <c r="W27" s="505">
        <v>1367</v>
      </c>
      <c r="X27" s="509">
        <v>0.5</v>
      </c>
      <c r="Y27" s="505">
        <v>3264</v>
      </c>
      <c r="Z27" s="509">
        <v>1.4</v>
      </c>
      <c r="AA27" s="505">
        <v>3866</v>
      </c>
      <c r="AB27" s="508">
        <v>0.8</v>
      </c>
      <c r="AC27" s="505">
        <v>1166</v>
      </c>
      <c r="AD27" s="509">
        <v>0.5</v>
      </c>
      <c r="AE27" s="505">
        <v>2700</v>
      </c>
      <c r="AF27" s="508">
        <v>1.2</v>
      </c>
    </row>
    <row r="28" spans="1:32" s="346" customFormat="1" ht="22.5" customHeight="1">
      <c r="A28" s="539">
        <v>117642</v>
      </c>
      <c r="B28" s="380" t="s">
        <v>455</v>
      </c>
      <c r="C28" s="503">
        <v>-17216</v>
      </c>
      <c r="D28" s="504">
        <v>-7033</v>
      </c>
      <c r="E28" s="503">
        <v>-10183</v>
      </c>
      <c r="F28" s="505">
        <v>-17592</v>
      </c>
      <c r="G28" s="504">
        <v>-7134</v>
      </c>
      <c r="H28" s="503">
        <v>-10458</v>
      </c>
      <c r="I28" s="348" t="s">
        <v>72</v>
      </c>
      <c r="J28" s="349" t="s">
        <v>72</v>
      </c>
      <c r="K28" s="349" t="s">
        <v>72</v>
      </c>
      <c r="L28" s="505">
        <v>17592</v>
      </c>
      <c r="M28" s="508">
        <v>17.8</v>
      </c>
      <c r="N28" s="505">
        <v>7134</v>
      </c>
      <c r="O28" s="509">
        <v>13.5</v>
      </c>
      <c r="P28" s="505">
        <v>10458</v>
      </c>
      <c r="Q28" s="509">
        <v>22.6</v>
      </c>
      <c r="R28" s="503">
        <v>376</v>
      </c>
      <c r="S28" s="504">
        <v>101</v>
      </c>
      <c r="T28" s="503">
        <v>275</v>
      </c>
      <c r="U28" s="505">
        <v>2445</v>
      </c>
      <c r="V28" s="508">
        <v>0.5</v>
      </c>
      <c r="W28" s="505">
        <v>669</v>
      </c>
      <c r="X28" s="509">
        <v>0.2</v>
      </c>
      <c r="Y28" s="505">
        <v>1776</v>
      </c>
      <c r="Z28" s="509">
        <v>0.8</v>
      </c>
      <c r="AA28" s="505">
        <v>2069</v>
      </c>
      <c r="AB28" s="508">
        <v>0.4</v>
      </c>
      <c r="AC28" s="505">
        <v>568</v>
      </c>
      <c r="AD28" s="509">
        <v>0.2</v>
      </c>
      <c r="AE28" s="505">
        <v>1501</v>
      </c>
      <c r="AF28" s="508">
        <v>0.7</v>
      </c>
    </row>
    <row r="29" spans="1:32" s="346" customFormat="1" ht="22.5" customHeight="1">
      <c r="A29" s="539">
        <v>31140</v>
      </c>
      <c r="B29" s="381" t="s">
        <v>456</v>
      </c>
      <c r="C29" s="510">
        <v>-8980</v>
      </c>
      <c r="D29" s="511">
        <v>-2577</v>
      </c>
      <c r="E29" s="510">
        <v>-6403</v>
      </c>
      <c r="F29" s="512">
        <v>-9085</v>
      </c>
      <c r="G29" s="511">
        <v>-2590</v>
      </c>
      <c r="H29" s="510">
        <v>-6495</v>
      </c>
      <c r="I29" s="513" t="s">
        <v>72</v>
      </c>
      <c r="J29" s="514" t="s">
        <v>72</v>
      </c>
      <c r="K29" s="514" t="s">
        <v>72</v>
      </c>
      <c r="L29" s="505">
        <v>9085</v>
      </c>
      <c r="M29" s="515">
        <v>9.1999999999999993</v>
      </c>
      <c r="N29" s="512">
        <v>2590</v>
      </c>
      <c r="O29" s="516">
        <v>4.9000000000000004</v>
      </c>
      <c r="P29" s="512">
        <v>6495</v>
      </c>
      <c r="Q29" s="516">
        <v>14</v>
      </c>
      <c r="R29" s="510">
        <v>105</v>
      </c>
      <c r="S29" s="511">
        <v>13</v>
      </c>
      <c r="T29" s="510">
        <v>92</v>
      </c>
      <c r="U29" s="512">
        <v>727</v>
      </c>
      <c r="V29" s="515">
        <v>0.1</v>
      </c>
      <c r="W29" s="512">
        <v>172</v>
      </c>
      <c r="X29" s="516">
        <v>0.1</v>
      </c>
      <c r="Y29" s="512">
        <v>555</v>
      </c>
      <c r="Z29" s="516">
        <v>0.2</v>
      </c>
      <c r="AA29" s="512">
        <v>622</v>
      </c>
      <c r="AB29" s="515">
        <v>0.1</v>
      </c>
      <c r="AC29" s="512">
        <v>159</v>
      </c>
      <c r="AD29" s="516">
        <v>0.1</v>
      </c>
      <c r="AE29" s="512">
        <v>463</v>
      </c>
      <c r="AF29" s="515">
        <v>0.2</v>
      </c>
    </row>
    <row r="30" spans="1:32" s="346" customFormat="1" ht="22.5" customHeight="1">
      <c r="A30" s="519">
        <v>5034</v>
      </c>
      <c r="B30" s="520" t="s">
        <v>457</v>
      </c>
      <c r="C30" s="521">
        <v>-2385</v>
      </c>
      <c r="D30" s="522">
        <v>-372</v>
      </c>
      <c r="E30" s="523">
        <v>-2013</v>
      </c>
      <c r="F30" s="523">
        <v>-2397</v>
      </c>
      <c r="G30" s="522">
        <v>-376</v>
      </c>
      <c r="H30" s="524">
        <v>-2021</v>
      </c>
      <c r="I30" s="525" t="s">
        <v>72</v>
      </c>
      <c r="J30" s="526" t="s">
        <v>72</v>
      </c>
      <c r="K30" s="526" t="s">
        <v>72</v>
      </c>
      <c r="L30" s="523">
        <v>2397</v>
      </c>
      <c r="M30" s="879">
        <v>2.4</v>
      </c>
      <c r="N30" s="523">
        <v>376</v>
      </c>
      <c r="O30" s="880">
        <v>0.7</v>
      </c>
      <c r="P30" s="523">
        <v>2021</v>
      </c>
      <c r="Q30" s="880">
        <v>4.4000000000000004</v>
      </c>
      <c r="R30" s="524">
        <v>12</v>
      </c>
      <c r="S30" s="522">
        <v>4</v>
      </c>
      <c r="T30" s="523">
        <v>8</v>
      </c>
      <c r="U30" s="523">
        <v>89</v>
      </c>
      <c r="V30" s="879">
        <v>0</v>
      </c>
      <c r="W30" s="523">
        <v>16</v>
      </c>
      <c r="X30" s="880">
        <v>0</v>
      </c>
      <c r="Y30" s="523">
        <v>73</v>
      </c>
      <c r="Z30" s="880">
        <v>0</v>
      </c>
      <c r="AA30" s="523">
        <v>77</v>
      </c>
      <c r="AB30" s="879">
        <v>0</v>
      </c>
      <c r="AC30" s="523">
        <v>12</v>
      </c>
      <c r="AD30" s="880">
        <v>0</v>
      </c>
      <c r="AE30" s="523">
        <v>65</v>
      </c>
      <c r="AF30" s="879">
        <v>0</v>
      </c>
    </row>
    <row r="31" spans="1:32" s="346" customFormat="1" ht="22.5" customHeight="1">
      <c r="A31" s="377">
        <v>1047478</v>
      </c>
      <c r="B31" s="347" t="s">
        <v>458</v>
      </c>
      <c r="C31" s="503">
        <v>59353</v>
      </c>
      <c r="D31" s="504">
        <v>30145</v>
      </c>
      <c r="E31" s="503">
        <v>29208</v>
      </c>
      <c r="F31" s="505">
        <v>57921</v>
      </c>
      <c r="G31" s="504">
        <v>29431</v>
      </c>
      <c r="H31" s="503">
        <v>28490</v>
      </c>
      <c r="I31" s="505">
        <v>58118</v>
      </c>
      <c r="J31" s="504">
        <v>29533</v>
      </c>
      <c r="K31" s="504">
        <v>28585</v>
      </c>
      <c r="L31" s="505">
        <v>197</v>
      </c>
      <c r="M31" s="508">
        <v>0.2</v>
      </c>
      <c r="N31" s="505">
        <v>102</v>
      </c>
      <c r="O31" s="509">
        <v>0.2</v>
      </c>
      <c r="P31" s="505">
        <v>95</v>
      </c>
      <c r="Q31" s="509">
        <v>0.2</v>
      </c>
      <c r="R31" s="503">
        <v>1432</v>
      </c>
      <c r="S31" s="504">
        <v>714</v>
      </c>
      <c r="T31" s="505">
        <v>718</v>
      </c>
      <c r="U31" s="505">
        <v>44804</v>
      </c>
      <c r="V31" s="508">
        <v>8.9</v>
      </c>
      <c r="W31" s="505">
        <v>23008</v>
      </c>
      <c r="X31" s="509">
        <v>8.5</v>
      </c>
      <c r="Y31" s="505">
        <v>21796</v>
      </c>
      <c r="Z31" s="509">
        <v>9.1999999999999993</v>
      </c>
      <c r="AA31" s="505">
        <v>43372</v>
      </c>
      <c r="AB31" s="508">
        <v>9.3000000000000007</v>
      </c>
      <c r="AC31" s="505">
        <v>22294</v>
      </c>
      <c r="AD31" s="509">
        <v>8.9</v>
      </c>
      <c r="AE31" s="505">
        <v>21078</v>
      </c>
      <c r="AF31" s="508">
        <v>9.6999999999999993</v>
      </c>
    </row>
    <row r="32" spans="1:32" s="346" customFormat="1" ht="22.5" customHeight="1">
      <c r="A32" s="539">
        <v>5640059</v>
      </c>
      <c r="B32" s="347" t="s">
        <v>459</v>
      </c>
      <c r="C32" s="503">
        <v>25610</v>
      </c>
      <c r="D32" s="504">
        <v>11459</v>
      </c>
      <c r="E32" s="503">
        <v>14151</v>
      </c>
      <c r="F32" s="505">
        <v>-9189</v>
      </c>
      <c r="G32" s="504">
        <v>-6042</v>
      </c>
      <c r="H32" s="503">
        <v>-3147</v>
      </c>
      <c r="I32" s="348" t="s">
        <v>72</v>
      </c>
      <c r="J32" s="349" t="s">
        <v>72</v>
      </c>
      <c r="K32" s="349" t="s">
        <v>72</v>
      </c>
      <c r="L32" s="505">
        <v>9189</v>
      </c>
      <c r="M32" s="508">
        <v>9.3000000000000007</v>
      </c>
      <c r="N32" s="505">
        <v>6042</v>
      </c>
      <c r="O32" s="509">
        <v>11.5</v>
      </c>
      <c r="P32" s="505">
        <v>3147</v>
      </c>
      <c r="Q32" s="509">
        <v>6.8</v>
      </c>
      <c r="R32" s="503">
        <v>34799</v>
      </c>
      <c r="S32" s="504">
        <v>17501</v>
      </c>
      <c r="T32" s="503">
        <v>17298</v>
      </c>
      <c r="U32" s="505">
        <v>428848</v>
      </c>
      <c r="V32" s="508">
        <v>84.8</v>
      </c>
      <c r="W32" s="505">
        <v>232551</v>
      </c>
      <c r="X32" s="509">
        <v>86.3</v>
      </c>
      <c r="Y32" s="505">
        <v>196297</v>
      </c>
      <c r="Z32" s="509">
        <v>83.1</v>
      </c>
      <c r="AA32" s="505">
        <v>394049</v>
      </c>
      <c r="AB32" s="508">
        <v>84.2</v>
      </c>
      <c r="AC32" s="505">
        <v>215050</v>
      </c>
      <c r="AD32" s="509">
        <v>85.6</v>
      </c>
      <c r="AE32" s="505">
        <v>178999</v>
      </c>
      <c r="AF32" s="508">
        <v>82.6</v>
      </c>
    </row>
    <row r="33" spans="1:32" s="346" customFormat="1" ht="22.5" customHeight="1" thickBot="1">
      <c r="A33" s="527">
        <v>2326294</v>
      </c>
      <c r="B33" s="350" t="s">
        <v>460</v>
      </c>
      <c r="C33" s="528">
        <v>-88235</v>
      </c>
      <c r="D33" s="529">
        <v>-46686</v>
      </c>
      <c r="E33" s="528">
        <v>-41549</v>
      </c>
      <c r="F33" s="530">
        <v>-89699</v>
      </c>
      <c r="G33" s="529">
        <v>-46585</v>
      </c>
      <c r="H33" s="528">
        <v>-43114</v>
      </c>
      <c r="I33" s="351" t="s">
        <v>72</v>
      </c>
      <c r="J33" s="352" t="s">
        <v>72</v>
      </c>
      <c r="K33" s="352" t="s">
        <v>72</v>
      </c>
      <c r="L33" s="530">
        <v>89699</v>
      </c>
      <c r="M33" s="531">
        <v>90.5</v>
      </c>
      <c r="N33" s="530">
        <v>46585</v>
      </c>
      <c r="O33" s="532">
        <v>88.3</v>
      </c>
      <c r="P33" s="530">
        <v>43114</v>
      </c>
      <c r="Q33" s="532">
        <v>93</v>
      </c>
      <c r="R33" s="528">
        <v>1464</v>
      </c>
      <c r="S33" s="529">
        <v>-101</v>
      </c>
      <c r="T33" s="528">
        <v>1565</v>
      </c>
      <c r="U33" s="530">
        <v>32013</v>
      </c>
      <c r="V33" s="531">
        <v>6.3</v>
      </c>
      <c r="W33" s="530">
        <v>13800</v>
      </c>
      <c r="X33" s="532">
        <v>5.0999999999999996</v>
      </c>
      <c r="Y33" s="530">
        <v>18213</v>
      </c>
      <c r="Z33" s="532">
        <v>7.7</v>
      </c>
      <c r="AA33" s="530">
        <v>30549</v>
      </c>
      <c r="AB33" s="531">
        <v>6.5</v>
      </c>
      <c r="AC33" s="530">
        <v>13901</v>
      </c>
      <c r="AD33" s="532">
        <v>5.5</v>
      </c>
      <c r="AE33" s="530">
        <v>16648</v>
      </c>
      <c r="AF33" s="531">
        <v>7.7</v>
      </c>
    </row>
    <row r="34" spans="1:32" ht="12" customHeight="1" thickTop="1">
      <c r="A34" s="384"/>
      <c r="B34" s="384"/>
      <c r="C34" s="384"/>
      <c r="D34" s="384"/>
      <c r="E34" s="384"/>
      <c r="F34" s="384"/>
      <c r="G34" s="384"/>
    </row>
    <row r="35" spans="1:32" s="353" customFormat="1" ht="18" customHeight="1">
      <c r="A35" s="533" t="s">
        <v>463</v>
      </c>
      <c r="B35" s="490"/>
      <c r="C35" s="490"/>
      <c r="D35" s="490"/>
      <c r="E35" s="490"/>
      <c r="F35" s="490"/>
      <c r="G35" s="490"/>
      <c r="H35" s="490"/>
      <c r="I35" s="491"/>
    </row>
    <row r="36" spans="1:32" s="353" customFormat="1" ht="18" customHeight="1">
      <c r="A36" s="533" t="s">
        <v>507</v>
      </c>
    </row>
    <row r="37" spans="1:32" s="353" customFormat="1" ht="18" customHeight="1">
      <c r="A37" s="533" t="s">
        <v>508</v>
      </c>
      <c r="B37" s="492"/>
      <c r="C37" s="492"/>
      <c r="D37" s="492"/>
      <c r="E37" s="492"/>
      <c r="F37" s="492"/>
      <c r="G37" s="492"/>
      <c r="H37" s="492"/>
      <c r="I37" s="492"/>
    </row>
    <row r="38" spans="1:32" s="353" customFormat="1" ht="18" customHeight="1">
      <c r="A38" s="533" t="s">
        <v>509</v>
      </c>
    </row>
    <row r="48" spans="1:32">
      <c r="A48" s="534"/>
    </row>
  </sheetData>
  <mergeCells count="15">
    <mergeCell ref="A2:A6"/>
    <mergeCell ref="C4:E4"/>
    <mergeCell ref="F4:H4"/>
    <mergeCell ref="I4:K4"/>
    <mergeCell ref="L4:Q4"/>
    <mergeCell ref="U4:Z4"/>
    <mergeCell ref="AA4:AF4"/>
    <mergeCell ref="C5:E5"/>
    <mergeCell ref="F5:H5"/>
    <mergeCell ref="I5:K5"/>
    <mergeCell ref="L5:Q5"/>
    <mergeCell ref="R5:T5"/>
    <mergeCell ref="U5:Z5"/>
    <mergeCell ref="AA5:AF5"/>
    <mergeCell ref="R4:T4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72" firstPageNumber="22" orientation="landscape" blackAndWhite="1" r:id="rId1"/>
  <headerFooter scaleWithDoc="0"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I48"/>
  <sheetViews>
    <sheetView view="pageBreakPreview" zoomScale="80" zoomScaleNormal="80" zoomScaleSheetLayoutView="80" workbookViewId="0">
      <pane ySplit="6" topLeftCell="A7" activePane="bottomLeft" state="frozen"/>
      <selection pane="bottomLeft"/>
    </sheetView>
  </sheetViews>
  <sheetFormatPr defaultRowHeight="13.5"/>
  <cols>
    <col min="1" max="1" width="17.5" style="151" customWidth="1"/>
    <col min="2" max="2" width="10.625" style="151" customWidth="1"/>
    <col min="3" max="8" width="8.75" style="151" customWidth="1"/>
    <col min="9" max="11" width="8.25" style="151" customWidth="1"/>
    <col min="12" max="12" width="8.75" style="151" customWidth="1"/>
    <col min="13" max="13" width="7.125" style="151" customWidth="1"/>
    <col min="14" max="14" width="8.75" style="151" customWidth="1"/>
    <col min="15" max="15" width="7.25" style="151" customWidth="1"/>
    <col min="16" max="16" width="8.75" style="151" customWidth="1"/>
    <col min="17" max="17" width="7.125" style="151" customWidth="1"/>
    <col min="18" max="21" width="8.75" style="151" customWidth="1"/>
    <col min="22" max="22" width="7.125" style="151" customWidth="1"/>
    <col min="23" max="23" width="8.75" style="151" customWidth="1"/>
    <col min="24" max="24" width="7.125" style="151" customWidth="1"/>
    <col min="25" max="25" width="8.75" style="151" customWidth="1"/>
    <col min="26" max="26" width="7.125" style="151" customWidth="1"/>
    <col min="27" max="27" width="8.75" style="151" customWidth="1"/>
    <col min="28" max="28" width="7.125" style="151" customWidth="1"/>
    <col min="29" max="29" width="8.75" style="151" customWidth="1"/>
    <col min="30" max="30" width="7.125" style="151" customWidth="1"/>
    <col min="31" max="31" width="8.75" style="151" customWidth="1"/>
    <col min="32" max="32" width="7.125" style="151" customWidth="1"/>
    <col min="33" max="16384" width="9" style="151"/>
  </cols>
  <sheetData>
    <row r="1" spans="1:35" ht="21" customHeight="1" thickBot="1">
      <c r="A1" s="897" t="s">
        <v>510</v>
      </c>
      <c r="B1" s="329"/>
      <c r="C1" s="329"/>
      <c r="D1" s="329"/>
      <c r="E1" s="329"/>
      <c r="S1" s="329"/>
      <c r="U1" s="329"/>
      <c r="V1" s="329"/>
      <c r="W1" s="329"/>
      <c r="AC1" s="330"/>
      <c r="AD1" s="330"/>
      <c r="AF1" s="494" t="s">
        <v>510</v>
      </c>
    </row>
    <row r="2" spans="1:35" s="346" customFormat="1" ht="22.5" customHeight="1" thickTop="1">
      <c r="A2" s="1036" t="s">
        <v>488</v>
      </c>
      <c r="B2" s="464"/>
      <c r="C2" s="331"/>
      <c r="D2" s="331"/>
      <c r="E2" s="331"/>
      <c r="F2" s="331"/>
      <c r="G2" s="331"/>
      <c r="H2" s="331"/>
      <c r="I2" s="331"/>
      <c r="J2" s="331"/>
      <c r="K2" s="331"/>
      <c r="L2" s="331"/>
      <c r="M2" s="331"/>
      <c r="N2" s="331"/>
      <c r="O2" s="331"/>
      <c r="P2" s="331"/>
      <c r="Q2" s="331"/>
      <c r="R2" s="331"/>
      <c r="S2" s="331"/>
      <c r="T2" s="331"/>
      <c r="U2" s="331"/>
      <c r="V2" s="331"/>
      <c r="W2" s="331"/>
      <c r="X2" s="331"/>
      <c r="Y2" s="331"/>
      <c r="Z2" s="331"/>
      <c r="AA2" s="331"/>
      <c r="AB2" s="331"/>
      <c r="AC2" s="331"/>
      <c r="AD2" s="331"/>
      <c r="AE2" s="331"/>
      <c r="AF2" s="354"/>
    </row>
    <row r="3" spans="1:35" s="495" customFormat="1" ht="22.5" customHeight="1">
      <c r="A3" s="1037"/>
      <c r="B3" s="332"/>
      <c r="C3" s="465"/>
      <c r="D3" s="333" t="s">
        <v>489</v>
      </c>
      <c r="E3" s="334"/>
      <c r="F3" s="466"/>
      <c r="G3" s="467"/>
      <c r="H3" s="335"/>
      <c r="I3" s="335"/>
      <c r="J3" s="335"/>
      <c r="K3" s="335"/>
      <c r="L3" s="335"/>
      <c r="M3" s="335"/>
      <c r="N3" s="335"/>
      <c r="O3" s="335"/>
      <c r="P3" s="335"/>
      <c r="Q3" s="335"/>
      <c r="R3" s="466"/>
      <c r="S3" s="467"/>
      <c r="T3" s="335"/>
      <c r="U3" s="335"/>
      <c r="V3" s="335"/>
      <c r="W3" s="335"/>
      <c r="X3" s="335"/>
      <c r="Y3" s="335"/>
      <c r="Z3" s="335"/>
      <c r="AA3" s="335"/>
      <c r="AB3" s="335"/>
      <c r="AC3" s="335"/>
      <c r="AD3" s="335"/>
      <c r="AE3" s="335"/>
      <c r="AF3" s="335"/>
    </row>
    <row r="4" spans="1:35" s="495" customFormat="1" ht="22.5" customHeight="1">
      <c r="A4" s="1037"/>
      <c r="B4" s="496" t="s">
        <v>253</v>
      </c>
      <c r="C4" s="1033" t="s">
        <v>490</v>
      </c>
      <c r="D4" s="1034"/>
      <c r="E4" s="1035"/>
      <c r="F4" s="1033" t="s">
        <v>422</v>
      </c>
      <c r="G4" s="1034"/>
      <c r="H4" s="1035"/>
      <c r="I4" s="1027" t="s">
        <v>423</v>
      </c>
      <c r="J4" s="1028"/>
      <c r="K4" s="1029"/>
      <c r="L4" s="1027" t="s">
        <v>491</v>
      </c>
      <c r="M4" s="1028"/>
      <c r="N4" s="1028"/>
      <c r="O4" s="1028"/>
      <c r="P4" s="1028"/>
      <c r="Q4" s="1029"/>
      <c r="R4" s="1033" t="s">
        <v>425</v>
      </c>
      <c r="S4" s="1034"/>
      <c r="T4" s="1035"/>
      <c r="U4" s="1027" t="s">
        <v>426</v>
      </c>
      <c r="V4" s="1028"/>
      <c r="W4" s="1028"/>
      <c r="X4" s="1028"/>
      <c r="Y4" s="1028"/>
      <c r="Z4" s="1029"/>
      <c r="AA4" s="1027" t="s">
        <v>427</v>
      </c>
      <c r="AB4" s="1028"/>
      <c r="AC4" s="1028"/>
      <c r="AD4" s="1028"/>
      <c r="AE4" s="1028"/>
      <c r="AF4" s="1028"/>
    </row>
    <row r="5" spans="1:35" s="497" customFormat="1" ht="22.5" customHeight="1">
      <c r="A5" s="1037"/>
      <c r="B5" s="347"/>
      <c r="C5" s="1030" t="s">
        <v>492</v>
      </c>
      <c r="D5" s="1031"/>
      <c r="E5" s="1032"/>
      <c r="F5" s="1030" t="s">
        <v>493</v>
      </c>
      <c r="G5" s="1031"/>
      <c r="H5" s="1032"/>
      <c r="I5" s="1030" t="s">
        <v>494</v>
      </c>
      <c r="J5" s="1031"/>
      <c r="K5" s="1032"/>
      <c r="L5" s="1030" t="s">
        <v>495</v>
      </c>
      <c r="M5" s="1031"/>
      <c r="N5" s="1031"/>
      <c r="O5" s="1031"/>
      <c r="P5" s="1031"/>
      <c r="Q5" s="1032"/>
      <c r="R5" s="1030" t="s">
        <v>496</v>
      </c>
      <c r="S5" s="1031"/>
      <c r="T5" s="1032"/>
      <c r="U5" s="1030" t="s">
        <v>433</v>
      </c>
      <c r="V5" s="1031"/>
      <c r="W5" s="1031"/>
      <c r="X5" s="1031"/>
      <c r="Y5" s="1031"/>
      <c r="Z5" s="1032"/>
      <c r="AA5" s="1030" t="s">
        <v>434</v>
      </c>
      <c r="AB5" s="1031"/>
      <c r="AC5" s="1031"/>
      <c r="AD5" s="1031"/>
      <c r="AE5" s="1031"/>
      <c r="AF5" s="1031"/>
      <c r="AI5" s="498"/>
    </row>
    <row r="6" spans="1:35" s="415" customFormat="1" ht="22.5" customHeight="1">
      <c r="A6" s="988"/>
      <c r="B6" s="470"/>
      <c r="C6" s="473" t="s">
        <v>497</v>
      </c>
      <c r="D6" s="472" t="s">
        <v>498</v>
      </c>
      <c r="E6" s="473" t="s">
        <v>499</v>
      </c>
      <c r="F6" s="474" t="s">
        <v>497</v>
      </c>
      <c r="G6" s="472" t="s">
        <v>498</v>
      </c>
      <c r="H6" s="473" t="s">
        <v>499</v>
      </c>
      <c r="I6" s="474" t="s">
        <v>500</v>
      </c>
      <c r="J6" s="472" t="s">
        <v>498</v>
      </c>
      <c r="K6" s="472" t="s">
        <v>499</v>
      </c>
      <c r="L6" s="475" t="s">
        <v>500</v>
      </c>
      <c r="M6" s="336" t="s">
        <v>501</v>
      </c>
      <c r="N6" s="475" t="s">
        <v>502</v>
      </c>
      <c r="O6" s="336" t="s">
        <v>501</v>
      </c>
      <c r="P6" s="475" t="s">
        <v>499</v>
      </c>
      <c r="Q6" s="336" t="s">
        <v>501</v>
      </c>
      <c r="R6" s="473" t="s">
        <v>497</v>
      </c>
      <c r="S6" s="472" t="s">
        <v>498</v>
      </c>
      <c r="T6" s="473" t="s">
        <v>499</v>
      </c>
      <c r="U6" s="474" t="s">
        <v>497</v>
      </c>
      <c r="V6" s="336" t="s">
        <v>501</v>
      </c>
      <c r="W6" s="475" t="s">
        <v>498</v>
      </c>
      <c r="X6" s="336" t="s">
        <v>501</v>
      </c>
      <c r="Y6" s="475" t="s">
        <v>499</v>
      </c>
      <c r="Z6" s="336" t="s">
        <v>501</v>
      </c>
      <c r="AA6" s="475" t="s">
        <v>497</v>
      </c>
      <c r="AB6" s="336" t="s">
        <v>501</v>
      </c>
      <c r="AC6" s="475" t="s">
        <v>498</v>
      </c>
      <c r="AD6" s="336" t="s">
        <v>501</v>
      </c>
      <c r="AE6" s="475" t="s">
        <v>499</v>
      </c>
      <c r="AF6" s="337" t="s">
        <v>501</v>
      </c>
    </row>
    <row r="7" spans="1:35" s="78" customFormat="1" ht="22.5" customHeight="1">
      <c r="A7" s="481" t="s">
        <v>192</v>
      </c>
      <c r="B7" s="239"/>
      <c r="C7" s="86" t="s">
        <v>192</v>
      </c>
      <c r="D7" s="105" t="s">
        <v>192</v>
      </c>
      <c r="E7" s="86" t="s">
        <v>192</v>
      </c>
      <c r="F7" s="106" t="s">
        <v>192</v>
      </c>
      <c r="G7" s="105" t="s">
        <v>192</v>
      </c>
      <c r="H7" s="86" t="s">
        <v>192</v>
      </c>
      <c r="I7" s="106" t="s">
        <v>192</v>
      </c>
      <c r="J7" s="105" t="s">
        <v>192</v>
      </c>
      <c r="K7" s="105" t="s">
        <v>192</v>
      </c>
      <c r="L7" s="479" t="s">
        <v>192</v>
      </c>
      <c r="M7" s="86" t="s">
        <v>503</v>
      </c>
      <c r="N7" s="479" t="s">
        <v>192</v>
      </c>
      <c r="O7" s="86" t="s">
        <v>503</v>
      </c>
      <c r="P7" s="479" t="s">
        <v>192</v>
      </c>
      <c r="Q7" s="86" t="s">
        <v>503</v>
      </c>
      <c r="R7" s="478" t="s">
        <v>192</v>
      </c>
      <c r="S7" s="105" t="s">
        <v>192</v>
      </c>
      <c r="T7" s="86" t="s">
        <v>192</v>
      </c>
      <c r="U7" s="479" t="s">
        <v>192</v>
      </c>
      <c r="V7" s="86" t="s">
        <v>503</v>
      </c>
      <c r="W7" s="479" t="s">
        <v>192</v>
      </c>
      <c r="X7" s="86" t="s">
        <v>503</v>
      </c>
      <c r="Y7" s="479" t="s">
        <v>192</v>
      </c>
      <c r="Z7" s="86" t="s">
        <v>503</v>
      </c>
      <c r="AA7" s="479" t="s">
        <v>192</v>
      </c>
      <c r="AB7" s="86" t="s">
        <v>503</v>
      </c>
      <c r="AC7" s="479" t="s">
        <v>192</v>
      </c>
      <c r="AD7" s="86" t="s">
        <v>503</v>
      </c>
      <c r="AE7" s="479" t="s">
        <v>192</v>
      </c>
      <c r="AF7" s="86" t="s">
        <v>503</v>
      </c>
    </row>
    <row r="8" spans="1:35" s="495" customFormat="1" ht="22.5" customHeight="1">
      <c r="A8" s="499">
        <v>3769595</v>
      </c>
      <c r="B8" s="338" t="s">
        <v>194</v>
      </c>
      <c r="C8" s="500">
        <v>-2434</v>
      </c>
      <c r="D8" s="501">
        <v>-2849</v>
      </c>
      <c r="E8" s="500">
        <v>415</v>
      </c>
      <c r="F8" s="502">
        <v>-15739</v>
      </c>
      <c r="G8" s="501">
        <v>-8961</v>
      </c>
      <c r="H8" s="500">
        <v>-6778</v>
      </c>
      <c r="I8" s="502">
        <v>23785</v>
      </c>
      <c r="J8" s="501">
        <v>12002</v>
      </c>
      <c r="K8" s="501">
        <v>11783</v>
      </c>
      <c r="L8" s="502">
        <v>39524</v>
      </c>
      <c r="M8" s="339" t="s">
        <v>504</v>
      </c>
      <c r="N8" s="502">
        <v>20963</v>
      </c>
      <c r="O8" s="339" t="s">
        <v>505</v>
      </c>
      <c r="P8" s="502">
        <v>18561</v>
      </c>
      <c r="Q8" s="339" t="s">
        <v>505</v>
      </c>
      <c r="R8" s="501">
        <v>13305</v>
      </c>
      <c r="S8" s="501">
        <v>6112</v>
      </c>
      <c r="T8" s="500">
        <v>7193</v>
      </c>
      <c r="U8" s="502">
        <v>220196</v>
      </c>
      <c r="V8" s="339" t="s">
        <v>505</v>
      </c>
      <c r="W8" s="502">
        <v>116218</v>
      </c>
      <c r="X8" s="339" t="s">
        <v>505</v>
      </c>
      <c r="Y8" s="502">
        <v>103978</v>
      </c>
      <c r="Z8" s="339" t="s">
        <v>505</v>
      </c>
      <c r="AA8" s="502">
        <v>206891</v>
      </c>
      <c r="AB8" s="339" t="s">
        <v>505</v>
      </c>
      <c r="AC8" s="502">
        <v>110106</v>
      </c>
      <c r="AD8" s="339" t="s">
        <v>505</v>
      </c>
      <c r="AE8" s="502">
        <v>96785</v>
      </c>
      <c r="AF8" s="339" t="s">
        <v>505</v>
      </c>
    </row>
    <row r="9" spans="1:35" s="346" customFormat="1" ht="15.75" customHeight="1">
      <c r="A9" s="355"/>
      <c r="B9" s="341"/>
      <c r="C9" s="342"/>
      <c r="D9" s="299"/>
      <c r="E9" s="342"/>
      <c r="F9" s="298"/>
      <c r="G9" s="299"/>
      <c r="H9" s="342"/>
      <c r="I9" s="298"/>
      <c r="J9" s="299"/>
      <c r="K9" s="299"/>
      <c r="L9" s="298"/>
      <c r="M9" s="343"/>
      <c r="N9" s="298"/>
      <c r="O9" s="344"/>
      <c r="P9" s="298"/>
      <c r="Q9" s="345"/>
      <c r="R9" s="342"/>
      <c r="S9" s="299"/>
      <c r="T9" s="342"/>
      <c r="U9" s="298"/>
      <c r="V9" s="343"/>
      <c r="W9" s="298"/>
      <c r="X9" s="344"/>
      <c r="Y9" s="298"/>
      <c r="Z9" s="344"/>
      <c r="AA9" s="298"/>
      <c r="AB9" s="343"/>
      <c r="AC9" s="298"/>
      <c r="AD9" s="344"/>
      <c r="AE9" s="298"/>
      <c r="AF9" s="343"/>
    </row>
    <row r="10" spans="1:35" s="346" customFormat="1" ht="22.5" customHeight="1">
      <c r="A10" s="377">
        <v>126636</v>
      </c>
      <c r="B10" s="378" t="s">
        <v>436</v>
      </c>
      <c r="C10" s="503">
        <v>23757</v>
      </c>
      <c r="D10" s="504">
        <v>12016</v>
      </c>
      <c r="E10" s="503">
        <v>11741</v>
      </c>
      <c r="F10" s="505">
        <v>23722</v>
      </c>
      <c r="G10" s="504">
        <v>11968</v>
      </c>
      <c r="H10" s="503">
        <v>11754</v>
      </c>
      <c r="I10" s="506">
        <v>23785</v>
      </c>
      <c r="J10" s="504">
        <v>12002</v>
      </c>
      <c r="K10" s="504">
        <v>11783</v>
      </c>
      <c r="L10" s="507">
        <v>63</v>
      </c>
      <c r="M10" s="508">
        <v>0.2</v>
      </c>
      <c r="N10" s="507">
        <v>34</v>
      </c>
      <c r="O10" s="509">
        <v>0.2</v>
      </c>
      <c r="P10" s="507">
        <v>29</v>
      </c>
      <c r="Q10" s="509">
        <v>0.2</v>
      </c>
      <c r="R10" s="503">
        <v>35</v>
      </c>
      <c r="S10" s="504">
        <v>48</v>
      </c>
      <c r="T10" s="503">
        <v>-13</v>
      </c>
      <c r="U10" s="505">
        <v>10786</v>
      </c>
      <c r="V10" s="508">
        <v>4.9000000000000004</v>
      </c>
      <c r="W10" s="507">
        <v>5634</v>
      </c>
      <c r="X10" s="509">
        <v>4.8</v>
      </c>
      <c r="Y10" s="507">
        <v>5152</v>
      </c>
      <c r="Z10" s="509">
        <v>5</v>
      </c>
      <c r="AA10" s="505">
        <v>10751</v>
      </c>
      <c r="AB10" s="508">
        <v>5.2</v>
      </c>
      <c r="AC10" s="507">
        <v>5586</v>
      </c>
      <c r="AD10" s="509">
        <v>5.0999999999999996</v>
      </c>
      <c r="AE10" s="503">
        <v>5165</v>
      </c>
      <c r="AF10" s="508">
        <v>5.3</v>
      </c>
    </row>
    <row r="11" spans="1:35" s="346" customFormat="1" ht="22.5" customHeight="1">
      <c r="A11" s="377">
        <v>144925</v>
      </c>
      <c r="B11" s="380" t="s">
        <v>438</v>
      </c>
      <c r="C11" s="503">
        <v>21</v>
      </c>
      <c r="D11" s="504">
        <v>42</v>
      </c>
      <c r="E11" s="503">
        <v>-21</v>
      </c>
      <c r="F11" s="505">
        <v>-14</v>
      </c>
      <c r="G11" s="504">
        <v>-9</v>
      </c>
      <c r="H11" s="503">
        <v>-5</v>
      </c>
      <c r="I11" s="348" t="s">
        <v>72</v>
      </c>
      <c r="J11" s="349" t="s">
        <v>506</v>
      </c>
      <c r="K11" s="349" t="s">
        <v>72</v>
      </c>
      <c r="L11" s="505">
        <v>14</v>
      </c>
      <c r="M11" s="508">
        <v>0</v>
      </c>
      <c r="N11" s="505">
        <v>9</v>
      </c>
      <c r="O11" s="509">
        <v>0</v>
      </c>
      <c r="P11" s="505">
        <v>5</v>
      </c>
      <c r="Q11" s="509">
        <v>0</v>
      </c>
      <c r="R11" s="503">
        <v>35</v>
      </c>
      <c r="S11" s="504">
        <v>51</v>
      </c>
      <c r="T11" s="503">
        <v>-16</v>
      </c>
      <c r="U11" s="505">
        <v>6047</v>
      </c>
      <c r="V11" s="508">
        <v>2.7</v>
      </c>
      <c r="W11" s="505">
        <v>3100</v>
      </c>
      <c r="X11" s="509">
        <v>2.7</v>
      </c>
      <c r="Y11" s="505">
        <v>2947</v>
      </c>
      <c r="Z11" s="509">
        <v>2.8</v>
      </c>
      <c r="AA11" s="505">
        <v>6012</v>
      </c>
      <c r="AB11" s="508">
        <v>2.9</v>
      </c>
      <c r="AC11" s="505">
        <v>3049</v>
      </c>
      <c r="AD11" s="509">
        <v>2.8</v>
      </c>
      <c r="AE11" s="503">
        <v>2963</v>
      </c>
      <c r="AF11" s="508">
        <v>3.1</v>
      </c>
    </row>
    <row r="12" spans="1:35" s="346" customFormat="1" ht="22.5" customHeight="1">
      <c r="A12" s="377">
        <v>155122</v>
      </c>
      <c r="B12" s="380" t="s">
        <v>439</v>
      </c>
      <c r="C12" s="503">
        <v>311</v>
      </c>
      <c r="D12" s="504">
        <v>163</v>
      </c>
      <c r="E12" s="503">
        <v>148</v>
      </c>
      <c r="F12" s="505">
        <v>-6</v>
      </c>
      <c r="G12" s="504">
        <v>-2</v>
      </c>
      <c r="H12" s="503">
        <v>-4</v>
      </c>
      <c r="I12" s="348" t="s">
        <v>506</v>
      </c>
      <c r="J12" s="349" t="s">
        <v>72</v>
      </c>
      <c r="K12" s="349" t="s">
        <v>72</v>
      </c>
      <c r="L12" s="505">
        <v>6</v>
      </c>
      <c r="M12" s="508">
        <v>0</v>
      </c>
      <c r="N12" s="505">
        <v>2</v>
      </c>
      <c r="O12" s="509">
        <v>0</v>
      </c>
      <c r="P12" s="505">
        <v>4</v>
      </c>
      <c r="Q12" s="509">
        <v>0</v>
      </c>
      <c r="R12" s="503">
        <v>317</v>
      </c>
      <c r="S12" s="504">
        <v>165</v>
      </c>
      <c r="T12" s="503">
        <v>152</v>
      </c>
      <c r="U12" s="505">
        <v>3523</v>
      </c>
      <c r="V12" s="508">
        <v>1.6</v>
      </c>
      <c r="W12" s="505">
        <v>1799</v>
      </c>
      <c r="X12" s="509">
        <v>1.5</v>
      </c>
      <c r="Y12" s="505">
        <v>1724</v>
      </c>
      <c r="Z12" s="509">
        <v>1.7</v>
      </c>
      <c r="AA12" s="505">
        <v>3206</v>
      </c>
      <c r="AB12" s="508">
        <v>1.5</v>
      </c>
      <c r="AC12" s="505">
        <v>1634</v>
      </c>
      <c r="AD12" s="509">
        <v>1.5</v>
      </c>
      <c r="AE12" s="503">
        <v>1572</v>
      </c>
      <c r="AF12" s="508">
        <v>1.6</v>
      </c>
    </row>
    <row r="13" spans="1:35" s="346" customFormat="1" ht="22.5" customHeight="1">
      <c r="A13" s="377">
        <v>161149</v>
      </c>
      <c r="B13" s="380" t="s">
        <v>440</v>
      </c>
      <c r="C13" s="503">
        <v>2455</v>
      </c>
      <c r="D13" s="504">
        <v>1222</v>
      </c>
      <c r="E13" s="503">
        <v>1233</v>
      </c>
      <c r="F13" s="505">
        <v>-23</v>
      </c>
      <c r="G13" s="504">
        <v>-10</v>
      </c>
      <c r="H13" s="503">
        <v>-13</v>
      </c>
      <c r="I13" s="348" t="s">
        <v>72</v>
      </c>
      <c r="J13" s="349" t="s">
        <v>72</v>
      </c>
      <c r="K13" s="349" t="s">
        <v>72</v>
      </c>
      <c r="L13" s="505">
        <v>23</v>
      </c>
      <c r="M13" s="508">
        <v>0.1</v>
      </c>
      <c r="N13" s="505">
        <v>10</v>
      </c>
      <c r="O13" s="509">
        <v>0</v>
      </c>
      <c r="P13" s="505">
        <v>13</v>
      </c>
      <c r="Q13" s="509">
        <v>0.1</v>
      </c>
      <c r="R13" s="503">
        <v>2478</v>
      </c>
      <c r="S13" s="504">
        <v>1232</v>
      </c>
      <c r="T13" s="503">
        <v>1246</v>
      </c>
      <c r="U13" s="505">
        <v>7158</v>
      </c>
      <c r="V13" s="508">
        <v>3.3</v>
      </c>
      <c r="W13" s="505">
        <v>3757</v>
      </c>
      <c r="X13" s="509">
        <v>3.2</v>
      </c>
      <c r="Y13" s="505">
        <v>3401</v>
      </c>
      <c r="Z13" s="509">
        <v>3.3</v>
      </c>
      <c r="AA13" s="505">
        <v>4680</v>
      </c>
      <c r="AB13" s="508">
        <v>2.2999999999999998</v>
      </c>
      <c r="AC13" s="505">
        <v>2525</v>
      </c>
      <c r="AD13" s="509">
        <v>2.2999999999999998</v>
      </c>
      <c r="AE13" s="503">
        <v>2155</v>
      </c>
      <c r="AF13" s="508">
        <v>2.2000000000000002</v>
      </c>
    </row>
    <row r="14" spans="1:35" s="346" customFormat="1" ht="22.5" customHeight="1">
      <c r="A14" s="355">
        <v>203201</v>
      </c>
      <c r="B14" s="381" t="s">
        <v>441</v>
      </c>
      <c r="C14" s="510">
        <v>7670</v>
      </c>
      <c r="D14" s="511">
        <v>3661</v>
      </c>
      <c r="E14" s="510">
        <v>4009</v>
      </c>
      <c r="F14" s="512">
        <v>-76</v>
      </c>
      <c r="G14" s="511">
        <v>-43</v>
      </c>
      <c r="H14" s="510">
        <v>-33</v>
      </c>
      <c r="I14" s="513" t="s">
        <v>72</v>
      </c>
      <c r="J14" s="514" t="s">
        <v>72</v>
      </c>
      <c r="K14" s="514" t="s">
        <v>72</v>
      </c>
      <c r="L14" s="505">
        <v>76</v>
      </c>
      <c r="M14" s="515">
        <v>0.2</v>
      </c>
      <c r="N14" s="512">
        <v>43</v>
      </c>
      <c r="O14" s="516">
        <v>0.2</v>
      </c>
      <c r="P14" s="512">
        <v>33</v>
      </c>
      <c r="Q14" s="516">
        <v>0.2</v>
      </c>
      <c r="R14" s="510">
        <v>7746</v>
      </c>
      <c r="S14" s="511">
        <v>3704</v>
      </c>
      <c r="T14" s="510">
        <v>4042</v>
      </c>
      <c r="U14" s="512">
        <v>35654</v>
      </c>
      <c r="V14" s="515">
        <v>16.2</v>
      </c>
      <c r="W14" s="512">
        <v>18529</v>
      </c>
      <c r="X14" s="516">
        <v>15.9</v>
      </c>
      <c r="Y14" s="512">
        <v>17125</v>
      </c>
      <c r="Z14" s="516">
        <v>16.5</v>
      </c>
      <c r="AA14" s="512">
        <v>27908</v>
      </c>
      <c r="AB14" s="515">
        <v>13.5</v>
      </c>
      <c r="AC14" s="512">
        <v>14825</v>
      </c>
      <c r="AD14" s="516">
        <v>13.5</v>
      </c>
      <c r="AE14" s="510">
        <v>13083</v>
      </c>
      <c r="AF14" s="515">
        <v>13.5</v>
      </c>
    </row>
    <row r="15" spans="1:35" s="346" customFormat="1" ht="22.5" customHeight="1">
      <c r="A15" s="377">
        <v>203929</v>
      </c>
      <c r="B15" s="380" t="s">
        <v>442</v>
      </c>
      <c r="C15" s="503">
        <v>2089</v>
      </c>
      <c r="D15" s="504">
        <v>1387</v>
      </c>
      <c r="E15" s="503">
        <v>702</v>
      </c>
      <c r="F15" s="505">
        <v>-80</v>
      </c>
      <c r="G15" s="504">
        <v>-53</v>
      </c>
      <c r="H15" s="503">
        <v>-27</v>
      </c>
      <c r="I15" s="348" t="s">
        <v>72</v>
      </c>
      <c r="J15" s="349" t="s">
        <v>72</v>
      </c>
      <c r="K15" s="349" t="s">
        <v>72</v>
      </c>
      <c r="L15" s="507">
        <v>80</v>
      </c>
      <c r="M15" s="508">
        <v>0.2</v>
      </c>
      <c r="N15" s="505">
        <v>53</v>
      </c>
      <c r="O15" s="509">
        <v>0.3</v>
      </c>
      <c r="P15" s="505">
        <v>27</v>
      </c>
      <c r="Q15" s="509">
        <v>0.1</v>
      </c>
      <c r="R15" s="503">
        <v>2169</v>
      </c>
      <c r="S15" s="504">
        <v>1440</v>
      </c>
      <c r="T15" s="503">
        <v>729</v>
      </c>
      <c r="U15" s="505">
        <v>48462</v>
      </c>
      <c r="V15" s="508">
        <v>22</v>
      </c>
      <c r="W15" s="505">
        <v>25361</v>
      </c>
      <c r="X15" s="509">
        <v>21.8</v>
      </c>
      <c r="Y15" s="505">
        <v>23101</v>
      </c>
      <c r="Z15" s="509">
        <v>22.2</v>
      </c>
      <c r="AA15" s="505">
        <v>46293</v>
      </c>
      <c r="AB15" s="508">
        <v>22.4</v>
      </c>
      <c r="AC15" s="505">
        <v>23921</v>
      </c>
      <c r="AD15" s="509">
        <v>21.7</v>
      </c>
      <c r="AE15" s="505">
        <v>22372</v>
      </c>
      <c r="AF15" s="508">
        <v>23.1</v>
      </c>
    </row>
    <row r="16" spans="1:35" s="346" customFormat="1" ht="22.5" customHeight="1">
      <c r="A16" s="377">
        <v>196518</v>
      </c>
      <c r="B16" s="380" t="s">
        <v>443</v>
      </c>
      <c r="C16" s="503">
        <v>920</v>
      </c>
      <c r="D16" s="504">
        <v>432</v>
      </c>
      <c r="E16" s="503">
        <v>488</v>
      </c>
      <c r="F16" s="505">
        <v>-70</v>
      </c>
      <c r="G16" s="504">
        <v>-47</v>
      </c>
      <c r="H16" s="503">
        <v>-23</v>
      </c>
      <c r="I16" s="348" t="s">
        <v>72</v>
      </c>
      <c r="J16" s="349" t="s">
        <v>72</v>
      </c>
      <c r="K16" s="349" t="s">
        <v>72</v>
      </c>
      <c r="L16" s="505">
        <v>70</v>
      </c>
      <c r="M16" s="508">
        <v>0.2</v>
      </c>
      <c r="N16" s="505">
        <v>47</v>
      </c>
      <c r="O16" s="509">
        <v>0.2</v>
      </c>
      <c r="P16" s="505">
        <v>23</v>
      </c>
      <c r="Q16" s="509">
        <v>0.1</v>
      </c>
      <c r="R16" s="503">
        <v>990</v>
      </c>
      <c r="S16" s="504">
        <v>479</v>
      </c>
      <c r="T16" s="503">
        <v>511</v>
      </c>
      <c r="U16" s="505">
        <v>31832</v>
      </c>
      <c r="V16" s="508">
        <v>14.5</v>
      </c>
      <c r="W16" s="505">
        <v>16940</v>
      </c>
      <c r="X16" s="509">
        <v>14.6</v>
      </c>
      <c r="Y16" s="505">
        <v>14892</v>
      </c>
      <c r="Z16" s="509">
        <v>14.3</v>
      </c>
      <c r="AA16" s="505">
        <v>30842</v>
      </c>
      <c r="AB16" s="508">
        <v>14.9</v>
      </c>
      <c r="AC16" s="505">
        <v>16461</v>
      </c>
      <c r="AD16" s="509">
        <v>15</v>
      </c>
      <c r="AE16" s="503">
        <v>14381</v>
      </c>
      <c r="AF16" s="508">
        <v>14.9</v>
      </c>
    </row>
    <row r="17" spans="1:32" s="346" customFormat="1" ht="22.5" customHeight="1">
      <c r="A17" s="377">
        <v>217149</v>
      </c>
      <c r="B17" s="380" t="s">
        <v>444</v>
      </c>
      <c r="C17" s="503">
        <v>331</v>
      </c>
      <c r="D17" s="504">
        <v>40</v>
      </c>
      <c r="E17" s="503">
        <v>291</v>
      </c>
      <c r="F17" s="505">
        <v>-131</v>
      </c>
      <c r="G17" s="504">
        <v>-80</v>
      </c>
      <c r="H17" s="503">
        <v>-51</v>
      </c>
      <c r="I17" s="348" t="s">
        <v>72</v>
      </c>
      <c r="J17" s="349" t="s">
        <v>72</v>
      </c>
      <c r="K17" s="349" t="s">
        <v>72</v>
      </c>
      <c r="L17" s="505">
        <v>131</v>
      </c>
      <c r="M17" s="508">
        <v>0.3</v>
      </c>
      <c r="N17" s="505">
        <v>80</v>
      </c>
      <c r="O17" s="509">
        <v>0.4</v>
      </c>
      <c r="P17" s="505">
        <v>51</v>
      </c>
      <c r="Q17" s="509">
        <v>0.3</v>
      </c>
      <c r="R17" s="503">
        <v>462</v>
      </c>
      <c r="S17" s="504">
        <v>120</v>
      </c>
      <c r="T17" s="503">
        <v>342</v>
      </c>
      <c r="U17" s="505">
        <v>19896</v>
      </c>
      <c r="V17" s="508">
        <v>9</v>
      </c>
      <c r="W17" s="505">
        <v>10958</v>
      </c>
      <c r="X17" s="509">
        <v>9.4</v>
      </c>
      <c r="Y17" s="505">
        <v>8938</v>
      </c>
      <c r="Z17" s="509">
        <v>8.6</v>
      </c>
      <c r="AA17" s="505">
        <v>19434</v>
      </c>
      <c r="AB17" s="508">
        <v>9.4</v>
      </c>
      <c r="AC17" s="505">
        <v>10838</v>
      </c>
      <c r="AD17" s="509">
        <v>9.8000000000000007</v>
      </c>
      <c r="AE17" s="503">
        <v>8596</v>
      </c>
      <c r="AF17" s="508">
        <v>8.9</v>
      </c>
    </row>
    <row r="18" spans="1:32" s="346" customFormat="1" ht="22.5" customHeight="1">
      <c r="A18" s="377">
        <v>241943</v>
      </c>
      <c r="B18" s="380" t="s">
        <v>445</v>
      </c>
      <c r="C18" s="503">
        <v>304</v>
      </c>
      <c r="D18" s="504">
        <v>237</v>
      </c>
      <c r="E18" s="503">
        <v>67</v>
      </c>
      <c r="F18" s="505">
        <v>-205</v>
      </c>
      <c r="G18" s="504">
        <v>-122</v>
      </c>
      <c r="H18" s="503">
        <v>-83</v>
      </c>
      <c r="I18" s="348" t="s">
        <v>72</v>
      </c>
      <c r="J18" s="349" t="s">
        <v>72</v>
      </c>
      <c r="K18" s="349" t="s">
        <v>72</v>
      </c>
      <c r="L18" s="505">
        <v>205</v>
      </c>
      <c r="M18" s="508">
        <v>0.5</v>
      </c>
      <c r="N18" s="505">
        <v>122</v>
      </c>
      <c r="O18" s="509">
        <v>0.6</v>
      </c>
      <c r="P18" s="505">
        <v>83</v>
      </c>
      <c r="Q18" s="509">
        <v>0.4</v>
      </c>
      <c r="R18" s="503">
        <v>509</v>
      </c>
      <c r="S18" s="504">
        <v>359</v>
      </c>
      <c r="T18" s="503">
        <v>150</v>
      </c>
      <c r="U18" s="505">
        <v>12930</v>
      </c>
      <c r="V18" s="508">
        <v>5.9</v>
      </c>
      <c r="W18" s="505">
        <v>7409</v>
      </c>
      <c r="X18" s="509">
        <v>6.4</v>
      </c>
      <c r="Y18" s="505">
        <v>5521</v>
      </c>
      <c r="Z18" s="509">
        <v>5.3</v>
      </c>
      <c r="AA18" s="505">
        <v>12421</v>
      </c>
      <c r="AB18" s="508">
        <v>6</v>
      </c>
      <c r="AC18" s="505">
        <v>7050</v>
      </c>
      <c r="AD18" s="509">
        <v>6.4</v>
      </c>
      <c r="AE18" s="503">
        <v>5371</v>
      </c>
      <c r="AF18" s="508">
        <v>5.5</v>
      </c>
    </row>
    <row r="19" spans="1:32" s="346" customFormat="1" ht="22.5" customHeight="1">
      <c r="A19" s="355">
        <v>292835</v>
      </c>
      <c r="B19" s="381" t="s">
        <v>446</v>
      </c>
      <c r="C19" s="510">
        <v>-182</v>
      </c>
      <c r="D19" s="511">
        <v>-244</v>
      </c>
      <c r="E19" s="510">
        <v>62</v>
      </c>
      <c r="F19" s="512">
        <v>-373</v>
      </c>
      <c r="G19" s="511">
        <v>-233</v>
      </c>
      <c r="H19" s="510">
        <v>-140</v>
      </c>
      <c r="I19" s="513" t="s">
        <v>72</v>
      </c>
      <c r="J19" s="514" t="s">
        <v>72</v>
      </c>
      <c r="K19" s="514" t="s">
        <v>72</v>
      </c>
      <c r="L19" s="505">
        <v>373</v>
      </c>
      <c r="M19" s="515">
        <v>0.9</v>
      </c>
      <c r="N19" s="512">
        <v>233</v>
      </c>
      <c r="O19" s="516">
        <v>1.1000000000000001</v>
      </c>
      <c r="P19" s="512">
        <v>140</v>
      </c>
      <c r="Q19" s="516">
        <v>0.8</v>
      </c>
      <c r="R19" s="510">
        <v>191</v>
      </c>
      <c r="S19" s="511">
        <v>-11</v>
      </c>
      <c r="T19" s="510">
        <v>202</v>
      </c>
      <c r="U19" s="512">
        <v>10235</v>
      </c>
      <c r="V19" s="515">
        <v>4.5999999999999996</v>
      </c>
      <c r="W19" s="512">
        <v>5741</v>
      </c>
      <c r="X19" s="516">
        <v>4.9000000000000004</v>
      </c>
      <c r="Y19" s="512">
        <v>4494</v>
      </c>
      <c r="Z19" s="516">
        <v>4.3</v>
      </c>
      <c r="AA19" s="512">
        <v>10044</v>
      </c>
      <c r="AB19" s="515">
        <v>4.9000000000000004</v>
      </c>
      <c r="AC19" s="512">
        <v>5752</v>
      </c>
      <c r="AD19" s="516">
        <v>5.2</v>
      </c>
      <c r="AE19" s="512">
        <v>4292</v>
      </c>
      <c r="AF19" s="515">
        <v>4.4000000000000004</v>
      </c>
    </row>
    <row r="20" spans="1:32" s="346" customFormat="1" ht="22.5" customHeight="1">
      <c r="A20" s="377">
        <v>317153</v>
      </c>
      <c r="B20" s="380" t="s">
        <v>447</v>
      </c>
      <c r="C20" s="503">
        <v>-780</v>
      </c>
      <c r="D20" s="504">
        <v>-574</v>
      </c>
      <c r="E20" s="503">
        <v>-206</v>
      </c>
      <c r="F20" s="505">
        <v>-603</v>
      </c>
      <c r="G20" s="504">
        <v>-364</v>
      </c>
      <c r="H20" s="503">
        <v>-239</v>
      </c>
      <c r="I20" s="348" t="s">
        <v>72</v>
      </c>
      <c r="J20" s="349" t="s">
        <v>72</v>
      </c>
      <c r="K20" s="349" t="s">
        <v>72</v>
      </c>
      <c r="L20" s="507">
        <v>603</v>
      </c>
      <c r="M20" s="508">
        <v>1.5</v>
      </c>
      <c r="N20" s="505">
        <v>364</v>
      </c>
      <c r="O20" s="509">
        <v>1.7</v>
      </c>
      <c r="P20" s="505">
        <v>239</v>
      </c>
      <c r="Q20" s="509">
        <v>1.3</v>
      </c>
      <c r="R20" s="503">
        <v>-177</v>
      </c>
      <c r="S20" s="504">
        <v>-210</v>
      </c>
      <c r="T20" s="503">
        <v>33</v>
      </c>
      <c r="U20" s="505">
        <v>8764</v>
      </c>
      <c r="V20" s="508">
        <v>4</v>
      </c>
      <c r="W20" s="505">
        <v>4814</v>
      </c>
      <c r="X20" s="509">
        <v>4.0999999999999996</v>
      </c>
      <c r="Y20" s="505">
        <v>3950</v>
      </c>
      <c r="Z20" s="509">
        <v>3.8</v>
      </c>
      <c r="AA20" s="505">
        <v>8941</v>
      </c>
      <c r="AB20" s="508">
        <v>4.3</v>
      </c>
      <c r="AC20" s="505">
        <v>5024</v>
      </c>
      <c r="AD20" s="509">
        <v>4.5999999999999996</v>
      </c>
      <c r="AE20" s="503">
        <v>3917</v>
      </c>
      <c r="AF20" s="508">
        <v>4</v>
      </c>
    </row>
    <row r="21" spans="1:32" s="346" customFormat="1" ht="22.5" customHeight="1">
      <c r="A21" s="377">
        <v>268875</v>
      </c>
      <c r="B21" s="380" t="s">
        <v>448</v>
      </c>
      <c r="C21" s="503">
        <v>-1378</v>
      </c>
      <c r="D21" s="504">
        <v>-951</v>
      </c>
      <c r="E21" s="503">
        <v>-427</v>
      </c>
      <c r="F21" s="505">
        <v>-916</v>
      </c>
      <c r="G21" s="504">
        <v>-615</v>
      </c>
      <c r="H21" s="503">
        <v>-301</v>
      </c>
      <c r="I21" s="348" t="s">
        <v>72</v>
      </c>
      <c r="J21" s="349" t="s">
        <v>72</v>
      </c>
      <c r="K21" s="349" t="s">
        <v>72</v>
      </c>
      <c r="L21" s="505">
        <v>916</v>
      </c>
      <c r="M21" s="508">
        <v>2.2999999999999998</v>
      </c>
      <c r="N21" s="505">
        <v>615</v>
      </c>
      <c r="O21" s="509">
        <v>2.9</v>
      </c>
      <c r="P21" s="505">
        <v>301</v>
      </c>
      <c r="Q21" s="509">
        <v>1.6</v>
      </c>
      <c r="R21" s="503">
        <v>-462</v>
      </c>
      <c r="S21" s="504">
        <v>-336</v>
      </c>
      <c r="T21" s="503">
        <v>-126</v>
      </c>
      <c r="U21" s="505">
        <v>6560</v>
      </c>
      <c r="V21" s="508">
        <v>3</v>
      </c>
      <c r="W21" s="505">
        <v>3724</v>
      </c>
      <c r="X21" s="509">
        <v>3.2</v>
      </c>
      <c r="Y21" s="505">
        <v>2836</v>
      </c>
      <c r="Z21" s="509">
        <v>2.7</v>
      </c>
      <c r="AA21" s="505">
        <v>7022</v>
      </c>
      <c r="AB21" s="508">
        <v>3.4</v>
      </c>
      <c r="AC21" s="505">
        <v>4060</v>
      </c>
      <c r="AD21" s="509">
        <v>3.7</v>
      </c>
      <c r="AE21" s="503">
        <v>2962</v>
      </c>
      <c r="AF21" s="508">
        <v>3.1</v>
      </c>
    </row>
    <row r="22" spans="1:32" s="346" customFormat="1" ht="22.5" customHeight="1">
      <c r="A22" s="377">
        <v>213984</v>
      </c>
      <c r="B22" s="380" t="s">
        <v>449</v>
      </c>
      <c r="C22" s="503">
        <v>-1889</v>
      </c>
      <c r="D22" s="504">
        <v>-1244</v>
      </c>
      <c r="E22" s="503">
        <v>-645</v>
      </c>
      <c r="F22" s="505">
        <v>-1191</v>
      </c>
      <c r="G22" s="504">
        <v>-814</v>
      </c>
      <c r="H22" s="503">
        <v>-377</v>
      </c>
      <c r="I22" s="348" t="s">
        <v>72</v>
      </c>
      <c r="J22" s="349" t="s">
        <v>72</v>
      </c>
      <c r="K22" s="349" t="s">
        <v>72</v>
      </c>
      <c r="L22" s="505">
        <v>1191</v>
      </c>
      <c r="M22" s="508">
        <v>3</v>
      </c>
      <c r="N22" s="505">
        <v>814</v>
      </c>
      <c r="O22" s="509">
        <v>3.9</v>
      </c>
      <c r="P22" s="505">
        <v>377</v>
      </c>
      <c r="Q22" s="509">
        <v>2</v>
      </c>
      <c r="R22" s="503">
        <v>-698</v>
      </c>
      <c r="S22" s="504">
        <v>-430</v>
      </c>
      <c r="T22" s="503">
        <v>-268</v>
      </c>
      <c r="U22" s="505">
        <v>4311</v>
      </c>
      <c r="V22" s="508">
        <v>2</v>
      </c>
      <c r="W22" s="505">
        <v>2501</v>
      </c>
      <c r="X22" s="509">
        <v>2.2000000000000002</v>
      </c>
      <c r="Y22" s="505">
        <v>1810</v>
      </c>
      <c r="Z22" s="509">
        <v>1.7</v>
      </c>
      <c r="AA22" s="505">
        <v>5009</v>
      </c>
      <c r="AB22" s="508">
        <v>2.4</v>
      </c>
      <c r="AC22" s="505">
        <v>2931</v>
      </c>
      <c r="AD22" s="509">
        <v>2.7</v>
      </c>
      <c r="AE22" s="503">
        <v>2078</v>
      </c>
      <c r="AF22" s="508">
        <v>2.1</v>
      </c>
    </row>
    <row r="23" spans="1:32" s="346" customFormat="1" ht="22.5" customHeight="1">
      <c r="A23" s="377">
        <v>186640</v>
      </c>
      <c r="B23" s="380" t="s">
        <v>450</v>
      </c>
      <c r="C23" s="503">
        <v>-2102</v>
      </c>
      <c r="D23" s="504">
        <v>-1496</v>
      </c>
      <c r="E23" s="503">
        <v>-606</v>
      </c>
      <c r="F23" s="505">
        <v>-1542</v>
      </c>
      <c r="G23" s="504">
        <v>-1100</v>
      </c>
      <c r="H23" s="503">
        <v>-442</v>
      </c>
      <c r="I23" s="348" t="s">
        <v>72</v>
      </c>
      <c r="J23" s="349" t="s">
        <v>72</v>
      </c>
      <c r="K23" s="349" t="s">
        <v>72</v>
      </c>
      <c r="L23" s="505">
        <v>1542</v>
      </c>
      <c r="M23" s="508">
        <v>3.9</v>
      </c>
      <c r="N23" s="505">
        <v>1100</v>
      </c>
      <c r="O23" s="509">
        <v>5.2</v>
      </c>
      <c r="P23" s="505">
        <v>442</v>
      </c>
      <c r="Q23" s="509">
        <v>2.4</v>
      </c>
      <c r="R23" s="503">
        <v>-560</v>
      </c>
      <c r="S23" s="504">
        <v>-396</v>
      </c>
      <c r="T23" s="503">
        <v>-164</v>
      </c>
      <c r="U23" s="505">
        <v>2970</v>
      </c>
      <c r="V23" s="508">
        <v>1.3</v>
      </c>
      <c r="W23" s="505">
        <v>1617</v>
      </c>
      <c r="X23" s="509">
        <v>1.4</v>
      </c>
      <c r="Y23" s="505">
        <v>1353</v>
      </c>
      <c r="Z23" s="509">
        <v>1.3</v>
      </c>
      <c r="AA23" s="505">
        <v>3530</v>
      </c>
      <c r="AB23" s="508">
        <v>1.7</v>
      </c>
      <c r="AC23" s="505">
        <v>2013</v>
      </c>
      <c r="AD23" s="509">
        <v>1.8</v>
      </c>
      <c r="AE23" s="503">
        <v>1517</v>
      </c>
      <c r="AF23" s="508">
        <v>1.6</v>
      </c>
    </row>
    <row r="24" spans="1:32" s="346" customFormat="1" ht="22.5" customHeight="1">
      <c r="A24" s="355">
        <v>229522</v>
      </c>
      <c r="B24" s="380" t="s">
        <v>451</v>
      </c>
      <c r="C24" s="510">
        <v>-3536</v>
      </c>
      <c r="D24" s="511">
        <v>-2475</v>
      </c>
      <c r="E24" s="510">
        <v>-1061</v>
      </c>
      <c r="F24" s="512">
        <v>-3300</v>
      </c>
      <c r="G24" s="511">
        <v>-2294</v>
      </c>
      <c r="H24" s="510">
        <v>-1006</v>
      </c>
      <c r="I24" s="513" t="s">
        <v>72</v>
      </c>
      <c r="J24" s="514" t="s">
        <v>72</v>
      </c>
      <c r="K24" s="514" t="s">
        <v>72</v>
      </c>
      <c r="L24" s="512">
        <v>3300</v>
      </c>
      <c r="M24" s="515">
        <v>8.3000000000000007</v>
      </c>
      <c r="N24" s="512">
        <v>2294</v>
      </c>
      <c r="O24" s="516">
        <v>10.9</v>
      </c>
      <c r="P24" s="512">
        <v>1006</v>
      </c>
      <c r="Q24" s="516">
        <v>5.4</v>
      </c>
      <c r="R24" s="510">
        <v>-236</v>
      </c>
      <c r="S24" s="511">
        <v>-181</v>
      </c>
      <c r="T24" s="510">
        <v>-55</v>
      </c>
      <c r="U24" s="512">
        <v>2866</v>
      </c>
      <c r="V24" s="515">
        <v>1.3</v>
      </c>
      <c r="W24" s="512">
        <v>1454</v>
      </c>
      <c r="X24" s="516">
        <v>1.3</v>
      </c>
      <c r="Y24" s="512">
        <v>1412</v>
      </c>
      <c r="Z24" s="516">
        <v>1.4</v>
      </c>
      <c r="AA24" s="512">
        <v>3102</v>
      </c>
      <c r="AB24" s="515">
        <v>1.5</v>
      </c>
      <c r="AC24" s="512">
        <v>1635</v>
      </c>
      <c r="AD24" s="516">
        <v>1.5</v>
      </c>
      <c r="AE24" s="510">
        <v>1467</v>
      </c>
      <c r="AF24" s="515">
        <v>1.5</v>
      </c>
    </row>
    <row r="25" spans="1:32" s="346" customFormat="1" ht="22.5" customHeight="1">
      <c r="A25" s="377">
        <v>189692</v>
      </c>
      <c r="B25" s="518" t="s">
        <v>452</v>
      </c>
      <c r="C25" s="503">
        <v>-4359</v>
      </c>
      <c r="D25" s="504">
        <v>-2937</v>
      </c>
      <c r="E25" s="503">
        <v>-1422</v>
      </c>
      <c r="F25" s="505">
        <v>-4370</v>
      </c>
      <c r="G25" s="504">
        <v>-2908</v>
      </c>
      <c r="H25" s="503">
        <v>-1462</v>
      </c>
      <c r="I25" s="348" t="s">
        <v>72</v>
      </c>
      <c r="J25" s="349" t="s">
        <v>72</v>
      </c>
      <c r="K25" s="349" t="s">
        <v>72</v>
      </c>
      <c r="L25" s="507">
        <v>4370</v>
      </c>
      <c r="M25" s="508">
        <v>11.1</v>
      </c>
      <c r="N25" s="505">
        <v>2908</v>
      </c>
      <c r="O25" s="509">
        <v>13.9</v>
      </c>
      <c r="P25" s="505">
        <v>1462</v>
      </c>
      <c r="Q25" s="509">
        <v>7.9</v>
      </c>
      <c r="R25" s="503">
        <v>11</v>
      </c>
      <c r="S25" s="504">
        <v>-29</v>
      </c>
      <c r="T25" s="503">
        <v>40</v>
      </c>
      <c r="U25" s="505">
        <v>2379</v>
      </c>
      <c r="V25" s="508">
        <v>1.1000000000000001</v>
      </c>
      <c r="W25" s="505">
        <v>1076</v>
      </c>
      <c r="X25" s="509">
        <v>0.9</v>
      </c>
      <c r="Y25" s="505">
        <v>1303</v>
      </c>
      <c r="Z25" s="509">
        <v>1.3</v>
      </c>
      <c r="AA25" s="505">
        <v>2368</v>
      </c>
      <c r="AB25" s="508">
        <v>1.1000000000000001</v>
      </c>
      <c r="AC25" s="505">
        <v>1105</v>
      </c>
      <c r="AD25" s="509">
        <v>1</v>
      </c>
      <c r="AE25" s="503">
        <v>1263</v>
      </c>
      <c r="AF25" s="508">
        <v>1.3</v>
      </c>
    </row>
    <row r="26" spans="1:32" s="346" customFormat="1" ht="22.5" customHeight="1">
      <c r="A26" s="377">
        <v>154426</v>
      </c>
      <c r="B26" s="380" t="s">
        <v>453</v>
      </c>
      <c r="C26" s="503">
        <v>-6215</v>
      </c>
      <c r="D26" s="504">
        <v>-3761</v>
      </c>
      <c r="E26" s="503">
        <v>-2454</v>
      </c>
      <c r="F26" s="505">
        <v>-6412</v>
      </c>
      <c r="G26" s="504">
        <v>-3802</v>
      </c>
      <c r="H26" s="503">
        <v>-2610</v>
      </c>
      <c r="I26" s="348" t="s">
        <v>72</v>
      </c>
      <c r="J26" s="349" t="s">
        <v>72</v>
      </c>
      <c r="K26" s="349" t="s">
        <v>72</v>
      </c>
      <c r="L26" s="505">
        <v>6412</v>
      </c>
      <c r="M26" s="508">
        <v>16.2</v>
      </c>
      <c r="N26" s="505">
        <v>3802</v>
      </c>
      <c r="O26" s="509">
        <v>18.100000000000001</v>
      </c>
      <c r="P26" s="505">
        <v>2610</v>
      </c>
      <c r="Q26" s="509">
        <v>14.1</v>
      </c>
      <c r="R26" s="503">
        <v>197</v>
      </c>
      <c r="S26" s="504">
        <v>41</v>
      </c>
      <c r="T26" s="503">
        <v>156</v>
      </c>
      <c r="U26" s="505">
        <v>2282</v>
      </c>
      <c r="V26" s="508">
        <v>1</v>
      </c>
      <c r="W26" s="505">
        <v>835</v>
      </c>
      <c r="X26" s="509">
        <v>0.7</v>
      </c>
      <c r="Y26" s="505">
        <v>1447</v>
      </c>
      <c r="Z26" s="509">
        <v>1.4</v>
      </c>
      <c r="AA26" s="505">
        <v>2085</v>
      </c>
      <c r="AB26" s="508">
        <v>1</v>
      </c>
      <c r="AC26" s="505">
        <v>794</v>
      </c>
      <c r="AD26" s="509">
        <v>0.7</v>
      </c>
      <c r="AE26" s="503">
        <v>1291</v>
      </c>
      <c r="AF26" s="508">
        <v>1.3</v>
      </c>
    </row>
    <row r="27" spans="1:32" s="346" customFormat="1" ht="22.5" customHeight="1">
      <c r="A27" s="377">
        <v>104178</v>
      </c>
      <c r="B27" s="380" t="s">
        <v>454</v>
      </c>
      <c r="C27" s="503">
        <v>-7806</v>
      </c>
      <c r="D27" s="504">
        <v>-4128</v>
      </c>
      <c r="E27" s="503">
        <v>-3678</v>
      </c>
      <c r="F27" s="505">
        <v>-7990</v>
      </c>
      <c r="G27" s="504">
        <v>-4173</v>
      </c>
      <c r="H27" s="503">
        <v>-3817</v>
      </c>
      <c r="I27" s="348" t="s">
        <v>72</v>
      </c>
      <c r="J27" s="349" t="s">
        <v>72</v>
      </c>
      <c r="K27" s="349" t="s">
        <v>72</v>
      </c>
      <c r="L27" s="505">
        <v>7990</v>
      </c>
      <c r="M27" s="508">
        <v>20.2</v>
      </c>
      <c r="N27" s="505">
        <v>4173</v>
      </c>
      <c r="O27" s="509">
        <v>19.899999999999999</v>
      </c>
      <c r="P27" s="505">
        <v>3817</v>
      </c>
      <c r="Q27" s="509">
        <v>20.6</v>
      </c>
      <c r="R27" s="503">
        <v>184</v>
      </c>
      <c r="S27" s="504">
        <v>45</v>
      </c>
      <c r="T27" s="503">
        <v>139</v>
      </c>
      <c r="U27" s="505">
        <v>2044</v>
      </c>
      <c r="V27" s="508">
        <v>0.9</v>
      </c>
      <c r="W27" s="505">
        <v>588</v>
      </c>
      <c r="X27" s="509">
        <v>0.5</v>
      </c>
      <c r="Y27" s="505">
        <v>1456</v>
      </c>
      <c r="Z27" s="509">
        <v>1.4</v>
      </c>
      <c r="AA27" s="505">
        <v>1860</v>
      </c>
      <c r="AB27" s="508">
        <v>0.9</v>
      </c>
      <c r="AC27" s="505">
        <v>543</v>
      </c>
      <c r="AD27" s="509">
        <v>0.5</v>
      </c>
      <c r="AE27" s="503">
        <v>1317</v>
      </c>
      <c r="AF27" s="508">
        <v>1.4</v>
      </c>
    </row>
    <row r="28" spans="1:32" s="346" customFormat="1" ht="22.5" customHeight="1">
      <c r="A28" s="377">
        <v>48624</v>
      </c>
      <c r="B28" s="380" t="s">
        <v>455</v>
      </c>
      <c r="C28" s="503">
        <v>-7274</v>
      </c>
      <c r="D28" s="504">
        <v>-2950</v>
      </c>
      <c r="E28" s="503">
        <v>-4324</v>
      </c>
      <c r="F28" s="505">
        <v>-7355</v>
      </c>
      <c r="G28" s="504">
        <v>-2964</v>
      </c>
      <c r="H28" s="503">
        <v>-4391</v>
      </c>
      <c r="I28" s="348" t="s">
        <v>72</v>
      </c>
      <c r="J28" s="349" t="s">
        <v>72</v>
      </c>
      <c r="K28" s="349" t="s">
        <v>72</v>
      </c>
      <c r="L28" s="505">
        <v>7355</v>
      </c>
      <c r="M28" s="508">
        <v>18.600000000000001</v>
      </c>
      <c r="N28" s="505">
        <v>2964</v>
      </c>
      <c r="O28" s="509">
        <v>14.1</v>
      </c>
      <c r="P28" s="505">
        <v>4391</v>
      </c>
      <c r="Q28" s="509">
        <v>23.7</v>
      </c>
      <c r="R28" s="503">
        <v>81</v>
      </c>
      <c r="S28" s="504">
        <v>14</v>
      </c>
      <c r="T28" s="503">
        <v>67</v>
      </c>
      <c r="U28" s="505">
        <v>1128</v>
      </c>
      <c r="V28" s="508">
        <v>0.5</v>
      </c>
      <c r="W28" s="505">
        <v>297</v>
      </c>
      <c r="X28" s="509">
        <v>0.3</v>
      </c>
      <c r="Y28" s="505">
        <v>831</v>
      </c>
      <c r="Z28" s="509">
        <v>0.8</v>
      </c>
      <c r="AA28" s="505">
        <v>1047</v>
      </c>
      <c r="AB28" s="508">
        <v>0.5</v>
      </c>
      <c r="AC28" s="505">
        <v>283</v>
      </c>
      <c r="AD28" s="509">
        <v>0.3</v>
      </c>
      <c r="AE28" s="503">
        <v>764</v>
      </c>
      <c r="AF28" s="508">
        <v>0.8</v>
      </c>
    </row>
    <row r="29" spans="1:32" s="346" customFormat="1" ht="22.5" customHeight="1">
      <c r="A29" s="355">
        <v>12420</v>
      </c>
      <c r="B29" s="381" t="s">
        <v>456</v>
      </c>
      <c r="C29" s="510">
        <v>-3801</v>
      </c>
      <c r="D29" s="511">
        <v>-1124</v>
      </c>
      <c r="E29" s="510">
        <v>-2677</v>
      </c>
      <c r="F29" s="512">
        <v>-3830</v>
      </c>
      <c r="G29" s="511">
        <v>-1134</v>
      </c>
      <c r="H29" s="510">
        <v>-2696</v>
      </c>
      <c r="I29" s="513" t="s">
        <v>72</v>
      </c>
      <c r="J29" s="514" t="s">
        <v>72</v>
      </c>
      <c r="K29" s="514" t="s">
        <v>72</v>
      </c>
      <c r="L29" s="505">
        <v>3830</v>
      </c>
      <c r="M29" s="515">
        <v>9.6999999999999993</v>
      </c>
      <c r="N29" s="512">
        <v>1134</v>
      </c>
      <c r="O29" s="516">
        <v>5.4</v>
      </c>
      <c r="P29" s="512">
        <v>2696</v>
      </c>
      <c r="Q29" s="516">
        <v>14.5</v>
      </c>
      <c r="R29" s="510">
        <v>29</v>
      </c>
      <c r="S29" s="511">
        <v>10</v>
      </c>
      <c r="T29" s="510">
        <v>19</v>
      </c>
      <c r="U29" s="512">
        <v>330</v>
      </c>
      <c r="V29" s="515">
        <v>0.1</v>
      </c>
      <c r="W29" s="512">
        <v>79</v>
      </c>
      <c r="X29" s="516">
        <v>0.1</v>
      </c>
      <c r="Y29" s="512">
        <v>251</v>
      </c>
      <c r="Z29" s="516">
        <v>0.2</v>
      </c>
      <c r="AA29" s="512">
        <v>301</v>
      </c>
      <c r="AB29" s="515">
        <v>0.1</v>
      </c>
      <c r="AC29" s="512">
        <v>69</v>
      </c>
      <c r="AD29" s="516">
        <v>0.1</v>
      </c>
      <c r="AE29" s="510">
        <v>232</v>
      </c>
      <c r="AF29" s="515">
        <v>0.2</v>
      </c>
    </row>
    <row r="30" spans="1:32" s="346" customFormat="1" ht="22.5" customHeight="1">
      <c r="A30" s="519">
        <v>1885</v>
      </c>
      <c r="B30" s="520" t="s">
        <v>457</v>
      </c>
      <c r="C30" s="521">
        <v>-970</v>
      </c>
      <c r="D30" s="522">
        <v>-165</v>
      </c>
      <c r="E30" s="523">
        <v>-805</v>
      </c>
      <c r="F30" s="523">
        <v>-974</v>
      </c>
      <c r="G30" s="522">
        <v>-162</v>
      </c>
      <c r="H30" s="524">
        <v>-812</v>
      </c>
      <c r="I30" s="525" t="s">
        <v>72</v>
      </c>
      <c r="J30" s="526" t="s">
        <v>72</v>
      </c>
      <c r="K30" s="526" t="s">
        <v>72</v>
      </c>
      <c r="L30" s="523">
        <v>974</v>
      </c>
      <c r="M30" s="879">
        <v>2.5</v>
      </c>
      <c r="N30" s="523">
        <v>162</v>
      </c>
      <c r="O30" s="880">
        <v>0.8</v>
      </c>
      <c r="P30" s="523">
        <v>812</v>
      </c>
      <c r="Q30" s="880">
        <v>4.4000000000000004</v>
      </c>
      <c r="R30" s="524">
        <v>4</v>
      </c>
      <c r="S30" s="522">
        <v>-3</v>
      </c>
      <c r="T30" s="523">
        <v>7</v>
      </c>
      <c r="U30" s="523">
        <v>39</v>
      </c>
      <c r="V30" s="879">
        <v>0</v>
      </c>
      <c r="W30" s="523">
        <v>5</v>
      </c>
      <c r="X30" s="880">
        <v>0</v>
      </c>
      <c r="Y30" s="523">
        <v>34</v>
      </c>
      <c r="Z30" s="880">
        <v>0</v>
      </c>
      <c r="AA30" s="523">
        <v>35</v>
      </c>
      <c r="AB30" s="879">
        <v>0</v>
      </c>
      <c r="AC30" s="523">
        <v>8</v>
      </c>
      <c r="AD30" s="880">
        <v>0</v>
      </c>
      <c r="AE30" s="523">
        <v>27</v>
      </c>
      <c r="AF30" s="879">
        <v>0</v>
      </c>
    </row>
    <row r="31" spans="1:32" s="346" customFormat="1" ht="22.5" customHeight="1">
      <c r="A31" s="377">
        <v>426683</v>
      </c>
      <c r="B31" s="347" t="s">
        <v>458</v>
      </c>
      <c r="C31" s="503">
        <v>24089</v>
      </c>
      <c r="D31" s="504">
        <v>12221</v>
      </c>
      <c r="E31" s="503">
        <v>11868</v>
      </c>
      <c r="F31" s="505">
        <v>23702</v>
      </c>
      <c r="G31" s="504">
        <v>11957</v>
      </c>
      <c r="H31" s="503">
        <v>11745</v>
      </c>
      <c r="I31" s="505">
        <v>23785</v>
      </c>
      <c r="J31" s="504">
        <v>12002</v>
      </c>
      <c r="K31" s="504">
        <v>11783</v>
      </c>
      <c r="L31" s="505">
        <v>83</v>
      </c>
      <c r="M31" s="508">
        <v>0.2</v>
      </c>
      <c r="N31" s="505">
        <v>45</v>
      </c>
      <c r="O31" s="509">
        <v>0.2</v>
      </c>
      <c r="P31" s="505">
        <v>38</v>
      </c>
      <c r="Q31" s="509">
        <v>0.2</v>
      </c>
      <c r="R31" s="503">
        <v>387</v>
      </c>
      <c r="S31" s="504">
        <v>264</v>
      </c>
      <c r="T31" s="505">
        <v>123</v>
      </c>
      <c r="U31" s="505">
        <v>20356</v>
      </c>
      <c r="V31" s="508">
        <v>9.1999999999999993</v>
      </c>
      <c r="W31" s="505">
        <v>10533</v>
      </c>
      <c r="X31" s="509">
        <v>9.1</v>
      </c>
      <c r="Y31" s="505">
        <v>9823</v>
      </c>
      <c r="Z31" s="509">
        <v>9.4</v>
      </c>
      <c r="AA31" s="505">
        <v>19969</v>
      </c>
      <c r="AB31" s="508">
        <v>9.6999999999999993</v>
      </c>
      <c r="AC31" s="505">
        <v>10269</v>
      </c>
      <c r="AD31" s="509">
        <v>9.3000000000000007</v>
      </c>
      <c r="AE31" s="505">
        <v>9700</v>
      </c>
      <c r="AF31" s="508">
        <v>10</v>
      </c>
    </row>
    <row r="32" spans="1:32" s="346" customFormat="1" ht="22.5" customHeight="1">
      <c r="A32" s="377">
        <v>2316736</v>
      </c>
      <c r="B32" s="347" t="s">
        <v>459</v>
      </c>
      <c r="C32" s="503">
        <v>9540</v>
      </c>
      <c r="D32" s="504">
        <v>3966</v>
      </c>
      <c r="E32" s="503">
        <v>5574</v>
      </c>
      <c r="F32" s="505">
        <v>-3668</v>
      </c>
      <c r="G32" s="504">
        <v>-2381</v>
      </c>
      <c r="H32" s="503">
        <v>-1287</v>
      </c>
      <c r="I32" s="348" t="s">
        <v>72</v>
      </c>
      <c r="J32" s="349" t="s">
        <v>72</v>
      </c>
      <c r="K32" s="349" t="s">
        <v>72</v>
      </c>
      <c r="L32" s="505">
        <v>3668</v>
      </c>
      <c r="M32" s="508">
        <v>9.3000000000000007</v>
      </c>
      <c r="N32" s="505">
        <v>2381</v>
      </c>
      <c r="O32" s="509">
        <v>11.4</v>
      </c>
      <c r="P32" s="505">
        <v>1287</v>
      </c>
      <c r="Q32" s="509">
        <v>6.9</v>
      </c>
      <c r="R32" s="503">
        <v>13208</v>
      </c>
      <c r="S32" s="504">
        <v>6347</v>
      </c>
      <c r="T32" s="503">
        <v>6861</v>
      </c>
      <c r="U32" s="505">
        <v>185802</v>
      </c>
      <c r="V32" s="508">
        <v>84.4</v>
      </c>
      <c r="W32" s="505">
        <v>99734</v>
      </c>
      <c r="X32" s="509">
        <v>85.8</v>
      </c>
      <c r="Y32" s="505">
        <v>86068</v>
      </c>
      <c r="Z32" s="509">
        <v>82.8</v>
      </c>
      <c r="AA32" s="505">
        <v>172594</v>
      </c>
      <c r="AB32" s="508">
        <v>83.4</v>
      </c>
      <c r="AC32" s="505">
        <v>93387</v>
      </c>
      <c r="AD32" s="509">
        <v>84.8</v>
      </c>
      <c r="AE32" s="505">
        <v>79207</v>
      </c>
      <c r="AF32" s="508">
        <v>81.8</v>
      </c>
    </row>
    <row r="33" spans="1:32" s="346" customFormat="1" ht="22.5" customHeight="1" thickBot="1">
      <c r="A33" s="527">
        <v>927387</v>
      </c>
      <c r="B33" s="350" t="s">
        <v>460</v>
      </c>
      <c r="C33" s="528">
        <v>-36063</v>
      </c>
      <c r="D33" s="529">
        <v>-19036</v>
      </c>
      <c r="E33" s="528">
        <v>-17027</v>
      </c>
      <c r="F33" s="530">
        <v>-35773</v>
      </c>
      <c r="G33" s="529">
        <v>-18537</v>
      </c>
      <c r="H33" s="528">
        <v>-17236</v>
      </c>
      <c r="I33" s="351" t="s">
        <v>72</v>
      </c>
      <c r="J33" s="352" t="s">
        <v>72</v>
      </c>
      <c r="K33" s="352" t="s">
        <v>72</v>
      </c>
      <c r="L33" s="530">
        <v>35773</v>
      </c>
      <c r="M33" s="531">
        <v>90.5</v>
      </c>
      <c r="N33" s="530">
        <v>18537</v>
      </c>
      <c r="O33" s="532">
        <v>88.4</v>
      </c>
      <c r="P33" s="530">
        <v>17236</v>
      </c>
      <c r="Q33" s="532">
        <v>92.9</v>
      </c>
      <c r="R33" s="528">
        <v>-290</v>
      </c>
      <c r="S33" s="529">
        <v>-499</v>
      </c>
      <c r="T33" s="528">
        <v>209</v>
      </c>
      <c r="U33" s="530">
        <v>14038</v>
      </c>
      <c r="V33" s="531">
        <v>6.4</v>
      </c>
      <c r="W33" s="530">
        <v>5951</v>
      </c>
      <c r="X33" s="532">
        <v>5.0999999999999996</v>
      </c>
      <c r="Y33" s="530">
        <v>8087</v>
      </c>
      <c r="Z33" s="532">
        <v>7.8</v>
      </c>
      <c r="AA33" s="530">
        <v>14328</v>
      </c>
      <c r="AB33" s="531">
        <v>6.9</v>
      </c>
      <c r="AC33" s="530">
        <v>6450</v>
      </c>
      <c r="AD33" s="532">
        <v>5.9</v>
      </c>
      <c r="AE33" s="530">
        <v>7878</v>
      </c>
      <c r="AF33" s="531">
        <v>8.1</v>
      </c>
    </row>
    <row r="34" spans="1:32" ht="12" customHeight="1" thickTop="1">
      <c r="A34" s="384"/>
      <c r="B34" s="384"/>
      <c r="C34" s="384"/>
      <c r="D34" s="384"/>
      <c r="E34" s="384"/>
      <c r="F34" s="384"/>
      <c r="G34" s="384"/>
    </row>
    <row r="35" spans="1:32" s="353" customFormat="1" ht="18" customHeight="1">
      <c r="A35" s="533" t="s">
        <v>463</v>
      </c>
      <c r="B35" s="490"/>
      <c r="C35" s="490"/>
      <c r="D35" s="490"/>
      <c r="E35" s="490"/>
      <c r="F35" s="490"/>
      <c r="G35" s="490"/>
      <c r="H35" s="490"/>
      <c r="I35" s="491"/>
    </row>
    <row r="36" spans="1:32" s="353" customFormat="1" ht="18" customHeight="1">
      <c r="A36" s="533" t="s">
        <v>507</v>
      </c>
    </row>
    <row r="37" spans="1:32" s="353" customFormat="1" ht="18" customHeight="1">
      <c r="A37" s="533" t="s">
        <v>508</v>
      </c>
      <c r="B37" s="492"/>
      <c r="C37" s="492"/>
      <c r="D37" s="492"/>
      <c r="E37" s="492"/>
      <c r="F37" s="492"/>
      <c r="G37" s="492"/>
      <c r="H37" s="492"/>
      <c r="I37" s="492"/>
    </row>
    <row r="38" spans="1:32" s="353" customFormat="1" ht="18" customHeight="1">
      <c r="A38" s="533" t="s">
        <v>509</v>
      </c>
    </row>
    <row r="48" spans="1:32">
      <c r="A48" s="534"/>
    </row>
  </sheetData>
  <mergeCells count="15">
    <mergeCell ref="A2:A6"/>
    <mergeCell ref="C4:E4"/>
    <mergeCell ref="F4:H4"/>
    <mergeCell ref="I4:K4"/>
    <mergeCell ref="L4:Q4"/>
    <mergeCell ref="U4:Z4"/>
    <mergeCell ref="AA4:AF4"/>
    <mergeCell ref="C5:E5"/>
    <mergeCell ref="F5:H5"/>
    <mergeCell ref="I5:K5"/>
    <mergeCell ref="L5:Q5"/>
    <mergeCell ref="R5:T5"/>
    <mergeCell ref="U5:Z5"/>
    <mergeCell ref="AA5:AF5"/>
    <mergeCell ref="R4:T4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72" firstPageNumber="22" orientation="landscape" blackAndWhite="1" r:id="rId1"/>
  <headerFooter scaleWithDoc="0"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I48"/>
  <sheetViews>
    <sheetView view="pageBreakPreview" zoomScale="80" zoomScaleNormal="80" zoomScaleSheetLayoutView="80" workbookViewId="0">
      <pane ySplit="6" topLeftCell="A7" activePane="bottomLeft" state="frozen"/>
      <selection pane="bottomLeft"/>
    </sheetView>
  </sheetViews>
  <sheetFormatPr defaultRowHeight="13.5"/>
  <cols>
    <col min="1" max="1" width="17.5" style="151" customWidth="1"/>
    <col min="2" max="2" width="10.625" style="151" customWidth="1"/>
    <col min="3" max="8" width="8.75" style="151" customWidth="1"/>
    <col min="9" max="11" width="8.25" style="151" customWidth="1"/>
    <col min="12" max="12" width="8.75" style="151" customWidth="1"/>
    <col min="13" max="13" width="7.125" style="151" customWidth="1"/>
    <col min="14" max="14" width="8.75" style="151" customWidth="1"/>
    <col min="15" max="15" width="7.25" style="151" customWidth="1"/>
    <col min="16" max="16" width="8.75" style="151" customWidth="1"/>
    <col min="17" max="17" width="7.125" style="151" customWidth="1"/>
    <col min="18" max="21" width="8.75" style="151" customWidth="1"/>
    <col min="22" max="22" width="7.125" style="151" customWidth="1"/>
    <col min="23" max="23" width="8.75" style="151" customWidth="1"/>
    <col min="24" max="24" width="7.125" style="151" customWidth="1"/>
    <col min="25" max="25" width="8.75" style="151" customWidth="1"/>
    <col min="26" max="26" width="7.125" style="151" customWidth="1"/>
    <col min="27" max="27" width="8.75" style="151" customWidth="1"/>
    <col min="28" max="28" width="7.125" style="151" customWidth="1"/>
    <col min="29" max="29" width="8.75" style="151" customWidth="1"/>
    <col min="30" max="30" width="7.125" style="151" customWidth="1"/>
    <col min="31" max="31" width="8.75" style="151" customWidth="1"/>
    <col min="32" max="32" width="7.125" style="151" customWidth="1"/>
    <col min="33" max="16384" width="9" style="151"/>
  </cols>
  <sheetData>
    <row r="1" spans="1:35" ht="21" customHeight="1" thickBot="1">
      <c r="A1" s="897" t="s">
        <v>511</v>
      </c>
      <c r="B1" s="329"/>
      <c r="C1" s="329"/>
      <c r="D1" s="329"/>
      <c r="E1" s="329"/>
      <c r="S1" s="329"/>
      <c r="U1" s="329"/>
      <c r="V1" s="329"/>
      <c r="W1" s="329"/>
      <c r="AC1" s="330"/>
      <c r="AD1" s="330"/>
      <c r="AF1" s="494" t="s">
        <v>511</v>
      </c>
    </row>
    <row r="2" spans="1:35" s="346" customFormat="1" ht="22.5" customHeight="1" thickTop="1">
      <c r="A2" s="1036" t="s">
        <v>488</v>
      </c>
      <c r="B2" s="464"/>
      <c r="C2" s="331"/>
      <c r="D2" s="331"/>
      <c r="E2" s="331"/>
      <c r="F2" s="331"/>
      <c r="G2" s="331"/>
      <c r="H2" s="331"/>
      <c r="I2" s="331"/>
      <c r="J2" s="331"/>
      <c r="K2" s="331"/>
      <c r="L2" s="331"/>
      <c r="M2" s="331"/>
      <c r="N2" s="331"/>
      <c r="O2" s="331"/>
      <c r="P2" s="331"/>
      <c r="Q2" s="331"/>
      <c r="R2" s="331"/>
      <c r="S2" s="331"/>
      <c r="T2" s="331"/>
      <c r="U2" s="331"/>
      <c r="V2" s="331"/>
      <c r="W2" s="331"/>
      <c r="X2" s="331"/>
      <c r="Y2" s="331"/>
      <c r="Z2" s="331"/>
      <c r="AA2" s="331"/>
      <c r="AB2" s="331"/>
      <c r="AC2" s="331"/>
      <c r="AD2" s="331"/>
      <c r="AE2" s="331"/>
      <c r="AF2" s="354"/>
    </row>
    <row r="3" spans="1:35" s="495" customFormat="1" ht="22.5" customHeight="1">
      <c r="A3" s="1037"/>
      <c r="B3" s="332"/>
      <c r="C3" s="465"/>
      <c r="D3" s="333" t="s">
        <v>489</v>
      </c>
      <c r="E3" s="334"/>
      <c r="F3" s="466"/>
      <c r="G3" s="467"/>
      <c r="H3" s="335"/>
      <c r="I3" s="335"/>
      <c r="J3" s="335"/>
      <c r="K3" s="335"/>
      <c r="L3" s="335"/>
      <c r="M3" s="335"/>
      <c r="N3" s="335"/>
      <c r="O3" s="335"/>
      <c r="P3" s="335"/>
      <c r="Q3" s="335"/>
      <c r="R3" s="466"/>
      <c r="S3" s="467"/>
      <c r="T3" s="335"/>
      <c r="U3" s="335"/>
      <c r="V3" s="335"/>
      <c r="W3" s="335"/>
      <c r="X3" s="335"/>
      <c r="Y3" s="335"/>
      <c r="Z3" s="335"/>
      <c r="AA3" s="335"/>
      <c r="AB3" s="335"/>
      <c r="AC3" s="335"/>
      <c r="AD3" s="335"/>
      <c r="AE3" s="335"/>
      <c r="AF3" s="335"/>
    </row>
    <row r="4" spans="1:35" s="495" customFormat="1" ht="22.5" customHeight="1">
      <c r="A4" s="1037"/>
      <c r="B4" s="496" t="s">
        <v>253</v>
      </c>
      <c r="C4" s="1033" t="s">
        <v>490</v>
      </c>
      <c r="D4" s="1034"/>
      <c r="E4" s="1035"/>
      <c r="F4" s="1033" t="s">
        <v>422</v>
      </c>
      <c r="G4" s="1034"/>
      <c r="H4" s="1035"/>
      <c r="I4" s="1027" t="s">
        <v>423</v>
      </c>
      <c r="J4" s="1028"/>
      <c r="K4" s="1029"/>
      <c r="L4" s="1027" t="s">
        <v>491</v>
      </c>
      <c r="M4" s="1028"/>
      <c r="N4" s="1028"/>
      <c r="O4" s="1028"/>
      <c r="P4" s="1028"/>
      <c r="Q4" s="1029"/>
      <c r="R4" s="1033" t="s">
        <v>425</v>
      </c>
      <c r="S4" s="1034"/>
      <c r="T4" s="1035"/>
      <c r="U4" s="1027" t="s">
        <v>426</v>
      </c>
      <c r="V4" s="1028"/>
      <c r="W4" s="1028"/>
      <c r="X4" s="1028"/>
      <c r="Y4" s="1028"/>
      <c r="Z4" s="1029"/>
      <c r="AA4" s="1027" t="s">
        <v>427</v>
      </c>
      <c r="AB4" s="1028"/>
      <c r="AC4" s="1028"/>
      <c r="AD4" s="1028"/>
      <c r="AE4" s="1028"/>
      <c r="AF4" s="1028"/>
    </row>
    <row r="5" spans="1:35" s="497" customFormat="1" ht="22.5" customHeight="1">
      <c r="A5" s="1037"/>
      <c r="B5" s="347"/>
      <c r="C5" s="1030" t="s">
        <v>492</v>
      </c>
      <c r="D5" s="1031"/>
      <c r="E5" s="1032"/>
      <c r="F5" s="1030" t="s">
        <v>493</v>
      </c>
      <c r="G5" s="1031"/>
      <c r="H5" s="1032"/>
      <c r="I5" s="1030" t="s">
        <v>494</v>
      </c>
      <c r="J5" s="1031"/>
      <c r="K5" s="1032"/>
      <c r="L5" s="1030" t="s">
        <v>495</v>
      </c>
      <c r="M5" s="1031"/>
      <c r="N5" s="1031"/>
      <c r="O5" s="1031"/>
      <c r="P5" s="1031"/>
      <c r="Q5" s="1032"/>
      <c r="R5" s="1030" t="s">
        <v>496</v>
      </c>
      <c r="S5" s="1031"/>
      <c r="T5" s="1032"/>
      <c r="U5" s="1030" t="s">
        <v>433</v>
      </c>
      <c r="V5" s="1031"/>
      <c r="W5" s="1031"/>
      <c r="X5" s="1031"/>
      <c r="Y5" s="1031"/>
      <c r="Z5" s="1032"/>
      <c r="AA5" s="1030" t="s">
        <v>434</v>
      </c>
      <c r="AB5" s="1031"/>
      <c r="AC5" s="1031"/>
      <c r="AD5" s="1031"/>
      <c r="AE5" s="1031"/>
      <c r="AF5" s="1031"/>
      <c r="AI5" s="498"/>
    </row>
    <row r="6" spans="1:35" s="415" customFormat="1" ht="22.5" customHeight="1">
      <c r="A6" s="988"/>
      <c r="B6" s="470"/>
      <c r="C6" s="473" t="s">
        <v>497</v>
      </c>
      <c r="D6" s="472" t="s">
        <v>498</v>
      </c>
      <c r="E6" s="473" t="s">
        <v>499</v>
      </c>
      <c r="F6" s="474" t="s">
        <v>497</v>
      </c>
      <c r="G6" s="472" t="s">
        <v>498</v>
      </c>
      <c r="H6" s="473" t="s">
        <v>499</v>
      </c>
      <c r="I6" s="474" t="s">
        <v>500</v>
      </c>
      <c r="J6" s="472" t="s">
        <v>498</v>
      </c>
      <c r="K6" s="472" t="s">
        <v>499</v>
      </c>
      <c r="L6" s="475" t="s">
        <v>500</v>
      </c>
      <c r="M6" s="336" t="s">
        <v>501</v>
      </c>
      <c r="N6" s="475" t="s">
        <v>502</v>
      </c>
      <c r="O6" s="336" t="s">
        <v>501</v>
      </c>
      <c r="P6" s="475" t="s">
        <v>499</v>
      </c>
      <c r="Q6" s="336" t="s">
        <v>501</v>
      </c>
      <c r="R6" s="473" t="s">
        <v>497</v>
      </c>
      <c r="S6" s="472" t="s">
        <v>498</v>
      </c>
      <c r="T6" s="473" t="s">
        <v>499</v>
      </c>
      <c r="U6" s="474" t="s">
        <v>497</v>
      </c>
      <c r="V6" s="336" t="s">
        <v>501</v>
      </c>
      <c r="W6" s="475" t="s">
        <v>498</v>
      </c>
      <c r="X6" s="336" t="s">
        <v>501</v>
      </c>
      <c r="Y6" s="475" t="s">
        <v>499</v>
      </c>
      <c r="Z6" s="336" t="s">
        <v>501</v>
      </c>
      <c r="AA6" s="475" t="s">
        <v>497</v>
      </c>
      <c r="AB6" s="336" t="s">
        <v>501</v>
      </c>
      <c r="AC6" s="475" t="s">
        <v>498</v>
      </c>
      <c r="AD6" s="336" t="s">
        <v>501</v>
      </c>
      <c r="AE6" s="475" t="s">
        <v>499</v>
      </c>
      <c r="AF6" s="337" t="s">
        <v>501</v>
      </c>
    </row>
    <row r="7" spans="1:35" s="78" customFormat="1" ht="22.5" customHeight="1">
      <c r="A7" s="481" t="s">
        <v>192</v>
      </c>
      <c r="B7" s="239"/>
      <c r="C7" s="86" t="s">
        <v>192</v>
      </c>
      <c r="D7" s="105" t="s">
        <v>192</v>
      </c>
      <c r="E7" s="86" t="s">
        <v>192</v>
      </c>
      <c r="F7" s="106" t="s">
        <v>192</v>
      </c>
      <c r="G7" s="105" t="s">
        <v>192</v>
      </c>
      <c r="H7" s="86" t="s">
        <v>192</v>
      </c>
      <c r="I7" s="106" t="s">
        <v>192</v>
      </c>
      <c r="J7" s="105" t="s">
        <v>192</v>
      </c>
      <c r="K7" s="105" t="s">
        <v>192</v>
      </c>
      <c r="L7" s="479" t="s">
        <v>192</v>
      </c>
      <c r="M7" s="86" t="s">
        <v>503</v>
      </c>
      <c r="N7" s="479" t="s">
        <v>192</v>
      </c>
      <c r="O7" s="86" t="s">
        <v>503</v>
      </c>
      <c r="P7" s="479" t="s">
        <v>192</v>
      </c>
      <c r="Q7" s="86" t="s">
        <v>503</v>
      </c>
      <c r="R7" s="478" t="s">
        <v>192</v>
      </c>
      <c r="S7" s="105" t="s">
        <v>192</v>
      </c>
      <c r="T7" s="86" t="s">
        <v>192</v>
      </c>
      <c r="U7" s="479" t="s">
        <v>192</v>
      </c>
      <c r="V7" s="86" t="s">
        <v>503</v>
      </c>
      <c r="W7" s="479" t="s">
        <v>192</v>
      </c>
      <c r="X7" s="86" t="s">
        <v>503</v>
      </c>
      <c r="Y7" s="479" t="s">
        <v>192</v>
      </c>
      <c r="Z7" s="86" t="s">
        <v>503</v>
      </c>
      <c r="AA7" s="479" t="s">
        <v>192</v>
      </c>
      <c r="AB7" s="86" t="s">
        <v>503</v>
      </c>
      <c r="AC7" s="479" t="s">
        <v>192</v>
      </c>
      <c r="AD7" s="86" t="s">
        <v>503</v>
      </c>
      <c r="AE7" s="479" t="s">
        <v>192</v>
      </c>
      <c r="AF7" s="86" t="s">
        <v>503</v>
      </c>
    </row>
    <row r="8" spans="1:35" s="495" customFormat="1" ht="22.5" customHeight="1">
      <c r="A8" s="499">
        <v>1540516</v>
      </c>
      <c r="B8" s="338" t="s">
        <v>194</v>
      </c>
      <c r="C8" s="500">
        <v>1691</v>
      </c>
      <c r="D8" s="501">
        <v>119</v>
      </c>
      <c r="E8" s="500">
        <v>1572</v>
      </c>
      <c r="F8" s="502">
        <v>-2092</v>
      </c>
      <c r="G8" s="501">
        <v>-1396</v>
      </c>
      <c r="H8" s="500">
        <v>-696</v>
      </c>
      <c r="I8" s="502">
        <v>11556</v>
      </c>
      <c r="J8" s="501">
        <v>5965</v>
      </c>
      <c r="K8" s="501">
        <v>5591</v>
      </c>
      <c r="L8" s="502">
        <v>13648</v>
      </c>
      <c r="M8" s="339" t="s">
        <v>504</v>
      </c>
      <c r="N8" s="502">
        <v>7361</v>
      </c>
      <c r="O8" s="339" t="s">
        <v>505</v>
      </c>
      <c r="P8" s="502">
        <v>6287</v>
      </c>
      <c r="Q8" s="339" t="s">
        <v>505</v>
      </c>
      <c r="R8" s="501">
        <v>3783</v>
      </c>
      <c r="S8" s="501">
        <v>1515</v>
      </c>
      <c r="T8" s="500">
        <v>2268</v>
      </c>
      <c r="U8" s="502">
        <v>104623</v>
      </c>
      <c r="V8" s="339" t="s">
        <v>505</v>
      </c>
      <c r="W8" s="502">
        <v>55438</v>
      </c>
      <c r="X8" s="339" t="s">
        <v>505</v>
      </c>
      <c r="Y8" s="502">
        <v>49185</v>
      </c>
      <c r="Z8" s="339" t="s">
        <v>505</v>
      </c>
      <c r="AA8" s="502">
        <v>100840</v>
      </c>
      <c r="AB8" s="339" t="s">
        <v>505</v>
      </c>
      <c r="AC8" s="502">
        <v>53923</v>
      </c>
      <c r="AD8" s="339" t="s">
        <v>505</v>
      </c>
      <c r="AE8" s="502">
        <v>46917</v>
      </c>
      <c r="AF8" s="339" t="s">
        <v>505</v>
      </c>
    </row>
    <row r="9" spans="1:35" s="346" customFormat="1" ht="15.75" customHeight="1">
      <c r="A9" s="355"/>
      <c r="B9" s="341"/>
      <c r="C9" s="342"/>
      <c r="D9" s="299"/>
      <c r="E9" s="342"/>
      <c r="F9" s="298"/>
      <c r="G9" s="299"/>
      <c r="H9" s="342"/>
      <c r="I9" s="298"/>
      <c r="J9" s="299"/>
      <c r="K9" s="299"/>
      <c r="L9" s="298"/>
      <c r="M9" s="343"/>
      <c r="N9" s="298"/>
      <c r="O9" s="344"/>
      <c r="P9" s="298"/>
      <c r="Q9" s="345"/>
      <c r="R9" s="342"/>
      <c r="S9" s="299"/>
      <c r="T9" s="342"/>
      <c r="U9" s="298"/>
      <c r="V9" s="343"/>
      <c r="W9" s="298"/>
      <c r="X9" s="344"/>
      <c r="Y9" s="298"/>
      <c r="Z9" s="344"/>
      <c r="AA9" s="298"/>
      <c r="AB9" s="343"/>
      <c r="AC9" s="298"/>
      <c r="AD9" s="344"/>
      <c r="AE9" s="298"/>
      <c r="AF9" s="343"/>
    </row>
    <row r="10" spans="1:35" s="346" customFormat="1" ht="22.5" customHeight="1">
      <c r="A10" s="377">
        <v>58175</v>
      </c>
      <c r="B10" s="378" t="s">
        <v>436</v>
      </c>
      <c r="C10" s="503">
        <v>9847</v>
      </c>
      <c r="D10" s="504">
        <v>5128</v>
      </c>
      <c r="E10" s="503">
        <v>4719</v>
      </c>
      <c r="F10" s="505">
        <v>11532</v>
      </c>
      <c r="G10" s="504">
        <v>5955</v>
      </c>
      <c r="H10" s="503">
        <v>5577</v>
      </c>
      <c r="I10" s="506">
        <v>11556</v>
      </c>
      <c r="J10" s="504">
        <v>5965</v>
      </c>
      <c r="K10" s="504">
        <v>5591</v>
      </c>
      <c r="L10" s="507">
        <v>24</v>
      </c>
      <c r="M10" s="508">
        <v>0.2</v>
      </c>
      <c r="N10" s="507">
        <v>10</v>
      </c>
      <c r="O10" s="509">
        <v>0.1</v>
      </c>
      <c r="P10" s="507">
        <v>14</v>
      </c>
      <c r="Q10" s="509">
        <v>0.2</v>
      </c>
      <c r="R10" s="503">
        <v>-1685</v>
      </c>
      <c r="S10" s="504">
        <v>-827</v>
      </c>
      <c r="T10" s="503">
        <v>-858</v>
      </c>
      <c r="U10" s="505">
        <v>3893</v>
      </c>
      <c r="V10" s="508">
        <v>3.7</v>
      </c>
      <c r="W10" s="507">
        <v>2042</v>
      </c>
      <c r="X10" s="509">
        <v>3.7</v>
      </c>
      <c r="Y10" s="507">
        <v>1851</v>
      </c>
      <c r="Z10" s="509">
        <v>3.8</v>
      </c>
      <c r="AA10" s="505">
        <v>5578</v>
      </c>
      <c r="AB10" s="508">
        <v>5.5</v>
      </c>
      <c r="AC10" s="507">
        <v>2869</v>
      </c>
      <c r="AD10" s="509">
        <v>5.3</v>
      </c>
      <c r="AE10" s="503">
        <v>2709</v>
      </c>
      <c r="AF10" s="508">
        <v>5.8</v>
      </c>
    </row>
    <row r="11" spans="1:35" s="346" customFormat="1" ht="22.5" customHeight="1">
      <c r="A11" s="377">
        <v>62378</v>
      </c>
      <c r="B11" s="380" t="s">
        <v>438</v>
      </c>
      <c r="C11" s="503">
        <v>-869</v>
      </c>
      <c r="D11" s="504">
        <v>-484</v>
      </c>
      <c r="E11" s="503">
        <v>-385</v>
      </c>
      <c r="F11" s="505">
        <v>-5</v>
      </c>
      <c r="G11" s="504">
        <v>-2</v>
      </c>
      <c r="H11" s="503">
        <v>-3</v>
      </c>
      <c r="I11" s="348" t="s">
        <v>72</v>
      </c>
      <c r="J11" s="349" t="s">
        <v>506</v>
      </c>
      <c r="K11" s="349" t="s">
        <v>72</v>
      </c>
      <c r="L11" s="505">
        <v>5</v>
      </c>
      <c r="M11" s="508">
        <v>0</v>
      </c>
      <c r="N11" s="505">
        <v>2</v>
      </c>
      <c r="O11" s="509">
        <v>0</v>
      </c>
      <c r="P11" s="505">
        <v>3</v>
      </c>
      <c r="Q11" s="509">
        <v>0</v>
      </c>
      <c r="R11" s="503">
        <v>-864</v>
      </c>
      <c r="S11" s="504">
        <v>-482</v>
      </c>
      <c r="T11" s="503">
        <v>-382</v>
      </c>
      <c r="U11" s="505">
        <v>1971</v>
      </c>
      <c r="V11" s="508">
        <v>1.9</v>
      </c>
      <c r="W11" s="505">
        <v>991</v>
      </c>
      <c r="X11" s="509">
        <v>1.8</v>
      </c>
      <c r="Y11" s="505">
        <v>980</v>
      </c>
      <c r="Z11" s="509">
        <v>2</v>
      </c>
      <c r="AA11" s="505">
        <v>2835</v>
      </c>
      <c r="AB11" s="508">
        <v>2.8</v>
      </c>
      <c r="AC11" s="505">
        <v>1473</v>
      </c>
      <c r="AD11" s="509">
        <v>2.7</v>
      </c>
      <c r="AE11" s="503">
        <v>1362</v>
      </c>
      <c r="AF11" s="508">
        <v>2.9</v>
      </c>
    </row>
    <row r="12" spans="1:35" s="346" customFormat="1" ht="22.5" customHeight="1">
      <c r="A12" s="377">
        <v>62198</v>
      </c>
      <c r="B12" s="380" t="s">
        <v>439</v>
      </c>
      <c r="C12" s="503">
        <v>-118</v>
      </c>
      <c r="D12" s="504">
        <v>-63</v>
      </c>
      <c r="E12" s="503">
        <v>-55</v>
      </c>
      <c r="F12" s="505">
        <v>-3</v>
      </c>
      <c r="G12" s="504">
        <v>-2</v>
      </c>
      <c r="H12" s="503">
        <v>-1</v>
      </c>
      <c r="I12" s="348" t="s">
        <v>506</v>
      </c>
      <c r="J12" s="349" t="s">
        <v>72</v>
      </c>
      <c r="K12" s="349" t="s">
        <v>72</v>
      </c>
      <c r="L12" s="505">
        <v>3</v>
      </c>
      <c r="M12" s="508">
        <v>0</v>
      </c>
      <c r="N12" s="505">
        <v>2</v>
      </c>
      <c r="O12" s="509">
        <v>0</v>
      </c>
      <c r="P12" s="505">
        <v>1</v>
      </c>
      <c r="Q12" s="509">
        <v>0</v>
      </c>
      <c r="R12" s="503">
        <v>-115</v>
      </c>
      <c r="S12" s="504">
        <v>-61</v>
      </c>
      <c r="T12" s="503">
        <v>-54</v>
      </c>
      <c r="U12" s="505">
        <v>1145</v>
      </c>
      <c r="V12" s="508">
        <v>1.1000000000000001</v>
      </c>
      <c r="W12" s="505">
        <v>560</v>
      </c>
      <c r="X12" s="509">
        <v>1</v>
      </c>
      <c r="Y12" s="505">
        <v>585</v>
      </c>
      <c r="Z12" s="509">
        <v>1.2</v>
      </c>
      <c r="AA12" s="505">
        <v>1260</v>
      </c>
      <c r="AB12" s="508">
        <v>1.2</v>
      </c>
      <c r="AC12" s="505">
        <v>621</v>
      </c>
      <c r="AD12" s="509">
        <v>1.2</v>
      </c>
      <c r="AE12" s="503">
        <v>639</v>
      </c>
      <c r="AF12" s="508">
        <v>1.4</v>
      </c>
    </row>
    <row r="13" spans="1:35" s="346" customFormat="1" ht="22.5" customHeight="1">
      <c r="A13" s="377">
        <v>61574</v>
      </c>
      <c r="B13" s="380" t="s">
        <v>440</v>
      </c>
      <c r="C13" s="503">
        <v>1251</v>
      </c>
      <c r="D13" s="504">
        <v>613</v>
      </c>
      <c r="E13" s="503">
        <v>638</v>
      </c>
      <c r="F13" s="505">
        <v>-13</v>
      </c>
      <c r="G13" s="504">
        <v>-7</v>
      </c>
      <c r="H13" s="503">
        <v>-6</v>
      </c>
      <c r="I13" s="348" t="s">
        <v>72</v>
      </c>
      <c r="J13" s="349" t="s">
        <v>72</v>
      </c>
      <c r="K13" s="349" t="s">
        <v>72</v>
      </c>
      <c r="L13" s="505">
        <v>13</v>
      </c>
      <c r="M13" s="508">
        <v>0.1</v>
      </c>
      <c r="N13" s="505">
        <v>7</v>
      </c>
      <c r="O13" s="509">
        <v>0.1</v>
      </c>
      <c r="P13" s="505">
        <v>6</v>
      </c>
      <c r="Q13" s="509">
        <v>0.1</v>
      </c>
      <c r="R13" s="503">
        <v>1264</v>
      </c>
      <c r="S13" s="504">
        <v>620</v>
      </c>
      <c r="T13" s="503">
        <v>644</v>
      </c>
      <c r="U13" s="505">
        <v>3060</v>
      </c>
      <c r="V13" s="508">
        <v>2.9</v>
      </c>
      <c r="W13" s="505">
        <v>1609</v>
      </c>
      <c r="X13" s="509">
        <v>2.9</v>
      </c>
      <c r="Y13" s="505">
        <v>1451</v>
      </c>
      <c r="Z13" s="509">
        <v>3</v>
      </c>
      <c r="AA13" s="505">
        <v>1796</v>
      </c>
      <c r="AB13" s="508">
        <v>1.8</v>
      </c>
      <c r="AC13" s="505">
        <v>989</v>
      </c>
      <c r="AD13" s="509">
        <v>1.8</v>
      </c>
      <c r="AE13" s="503">
        <v>807</v>
      </c>
      <c r="AF13" s="508">
        <v>1.7</v>
      </c>
    </row>
    <row r="14" spans="1:35" s="346" customFormat="1" ht="22.5" customHeight="1">
      <c r="A14" s="355">
        <v>91599</v>
      </c>
      <c r="B14" s="381" t="s">
        <v>441</v>
      </c>
      <c r="C14" s="510">
        <v>7721</v>
      </c>
      <c r="D14" s="511">
        <v>3815</v>
      </c>
      <c r="E14" s="510">
        <v>3906</v>
      </c>
      <c r="F14" s="512">
        <v>-36</v>
      </c>
      <c r="G14" s="511">
        <v>-23</v>
      </c>
      <c r="H14" s="510">
        <v>-13</v>
      </c>
      <c r="I14" s="513" t="s">
        <v>72</v>
      </c>
      <c r="J14" s="514" t="s">
        <v>72</v>
      </c>
      <c r="K14" s="514" t="s">
        <v>72</v>
      </c>
      <c r="L14" s="505">
        <v>36</v>
      </c>
      <c r="M14" s="515">
        <v>0.3</v>
      </c>
      <c r="N14" s="512">
        <v>23</v>
      </c>
      <c r="O14" s="516">
        <v>0.3</v>
      </c>
      <c r="P14" s="512">
        <v>13</v>
      </c>
      <c r="Q14" s="516">
        <v>0.2</v>
      </c>
      <c r="R14" s="517">
        <v>7757</v>
      </c>
      <c r="S14" s="511">
        <v>3838</v>
      </c>
      <c r="T14" s="510">
        <v>3919</v>
      </c>
      <c r="U14" s="512">
        <v>20514</v>
      </c>
      <c r="V14" s="515">
        <v>19.600000000000001</v>
      </c>
      <c r="W14" s="512">
        <v>10364</v>
      </c>
      <c r="X14" s="516">
        <v>18.7</v>
      </c>
      <c r="Y14" s="512">
        <v>10150</v>
      </c>
      <c r="Z14" s="516">
        <v>20.6</v>
      </c>
      <c r="AA14" s="512">
        <v>12757</v>
      </c>
      <c r="AB14" s="515">
        <v>12.7</v>
      </c>
      <c r="AC14" s="512">
        <v>6526</v>
      </c>
      <c r="AD14" s="516">
        <v>12.1</v>
      </c>
      <c r="AE14" s="510">
        <v>6231</v>
      </c>
      <c r="AF14" s="515">
        <v>13.3</v>
      </c>
    </row>
    <row r="15" spans="1:35" s="346" customFormat="1" ht="22.5" customHeight="1">
      <c r="A15" s="377">
        <v>109206</v>
      </c>
      <c r="B15" s="380" t="s">
        <v>442</v>
      </c>
      <c r="C15" s="503">
        <v>3232</v>
      </c>
      <c r="D15" s="504">
        <v>1864</v>
      </c>
      <c r="E15" s="503">
        <v>1368</v>
      </c>
      <c r="F15" s="505">
        <v>-30</v>
      </c>
      <c r="G15" s="504">
        <v>-14</v>
      </c>
      <c r="H15" s="503">
        <v>-16</v>
      </c>
      <c r="I15" s="348" t="s">
        <v>72</v>
      </c>
      <c r="J15" s="349" t="s">
        <v>72</v>
      </c>
      <c r="K15" s="349" t="s">
        <v>72</v>
      </c>
      <c r="L15" s="507">
        <v>30</v>
      </c>
      <c r="M15" s="508">
        <v>0.2</v>
      </c>
      <c r="N15" s="505">
        <v>14</v>
      </c>
      <c r="O15" s="509">
        <v>0.2</v>
      </c>
      <c r="P15" s="505">
        <v>16</v>
      </c>
      <c r="Q15" s="509">
        <v>0.3</v>
      </c>
      <c r="R15" s="503">
        <v>3262</v>
      </c>
      <c r="S15" s="504">
        <v>1878</v>
      </c>
      <c r="T15" s="503">
        <v>1384</v>
      </c>
      <c r="U15" s="505">
        <v>27902</v>
      </c>
      <c r="V15" s="508">
        <v>26.7</v>
      </c>
      <c r="W15" s="505">
        <v>14731</v>
      </c>
      <c r="X15" s="509">
        <v>26.6</v>
      </c>
      <c r="Y15" s="505">
        <v>13171</v>
      </c>
      <c r="Z15" s="509">
        <v>26.8</v>
      </c>
      <c r="AA15" s="505">
        <v>24640</v>
      </c>
      <c r="AB15" s="508">
        <v>24.4</v>
      </c>
      <c r="AC15" s="505">
        <v>12853</v>
      </c>
      <c r="AD15" s="509">
        <v>23.8</v>
      </c>
      <c r="AE15" s="503">
        <v>11787</v>
      </c>
      <c r="AF15" s="508">
        <v>25.1</v>
      </c>
    </row>
    <row r="16" spans="1:35" s="346" customFormat="1" ht="22.5" customHeight="1">
      <c r="A16" s="377">
        <v>100928</v>
      </c>
      <c r="B16" s="380" t="s">
        <v>443</v>
      </c>
      <c r="C16" s="503">
        <v>-816</v>
      </c>
      <c r="D16" s="504">
        <v>-401</v>
      </c>
      <c r="E16" s="503">
        <v>-415</v>
      </c>
      <c r="F16" s="505">
        <v>-34</v>
      </c>
      <c r="G16" s="504">
        <v>-23</v>
      </c>
      <c r="H16" s="503">
        <v>-11</v>
      </c>
      <c r="I16" s="348" t="s">
        <v>72</v>
      </c>
      <c r="J16" s="349" t="s">
        <v>72</v>
      </c>
      <c r="K16" s="349" t="s">
        <v>72</v>
      </c>
      <c r="L16" s="505">
        <v>34</v>
      </c>
      <c r="M16" s="508">
        <v>0.2</v>
      </c>
      <c r="N16" s="505">
        <v>23</v>
      </c>
      <c r="O16" s="509">
        <v>0.3</v>
      </c>
      <c r="P16" s="505">
        <v>11</v>
      </c>
      <c r="Q16" s="509">
        <v>0.2</v>
      </c>
      <c r="R16" s="503">
        <v>-782</v>
      </c>
      <c r="S16" s="504">
        <v>-378</v>
      </c>
      <c r="T16" s="503">
        <v>-404</v>
      </c>
      <c r="U16" s="505">
        <v>16272</v>
      </c>
      <c r="V16" s="508">
        <v>15.6</v>
      </c>
      <c r="W16" s="505">
        <v>8735</v>
      </c>
      <c r="X16" s="509">
        <v>15.8</v>
      </c>
      <c r="Y16" s="505">
        <v>7537</v>
      </c>
      <c r="Z16" s="509">
        <v>15.3</v>
      </c>
      <c r="AA16" s="505">
        <v>17054</v>
      </c>
      <c r="AB16" s="508">
        <v>16.899999999999999</v>
      </c>
      <c r="AC16" s="505">
        <v>9113</v>
      </c>
      <c r="AD16" s="509">
        <v>16.899999999999999</v>
      </c>
      <c r="AE16" s="503">
        <v>7941</v>
      </c>
      <c r="AF16" s="508">
        <v>16.899999999999999</v>
      </c>
    </row>
    <row r="17" spans="1:32" s="346" customFormat="1" ht="22.5" customHeight="1">
      <c r="A17" s="377">
        <v>104927</v>
      </c>
      <c r="B17" s="380" t="s">
        <v>444</v>
      </c>
      <c r="C17" s="503">
        <v>-1468</v>
      </c>
      <c r="D17" s="504">
        <v>-658</v>
      </c>
      <c r="E17" s="503">
        <v>-810</v>
      </c>
      <c r="F17" s="505">
        <v>-45</v>
      </c>
      <c r="G17" s="504">
        <v>-28</v>
      </c>
      <c r="H17" s="503">
        <v>-17</v>
      </c>
      <c r="I17" s="348" t="s">
        <v>72</v>
      </c>
      <c r="J17" s="349" t="s">
        <v>72</v>
      </c>
      <c r="K17" s="349" t="s">
        <v>72</v>
      </c>
      <c r="L17" s="505">
        <v>45</v>
      </c>
      <c r="M17" s="508">
        <v>0.3</v>
      </c>
      <c r="N17" s="505">
        <v>28</v>
      </c>
      <c r="O17" s="509">
        <v>0.4</v>
      </c>
      <c r="P17" s="505">
        <v>17</v>
      </c>
      <c r="Q17" s="509">
        <v>0.3</v>
      </c>
      <c r="R17" s="503">
        <v>-1423</v>
      </c>
      <c r="S17" s="504">
        <v>-630</v>
      </c>
      <c r="T17" s="503">
        <v>-793</v>
      </c>
      <c r="U17" s="505">
        <v>8973</v>
      </c>
      <c r="V17" s="508">
        <v>8.6</v>
      </c>
      <c r="W17" s="505">
        <v>5175</v>
      </c>
      <c r="X17" s="509">
        <v>9.3000000000000007</v>
      </c>
      <c r="Y17" s="505">
        <v>3798</v>
      </c>
      <c r="Z17" s="509">
        <v>7.7</v>
      </c>
      <c r="AA17" s="505">
        <v>10396</v>
      </c>
      <c r="AB17" s="508">
        <v>10.3</v>
      </c>
      <c r="AC17" s="505">
        <v>5805</v>
      </c>
      <c r="AD17" s="509">
        <v>10.8</v>
      </c>
      <c r="AE17" s="503">
        <v>4591</v>
      </c>
      <c r="AF17" s="508">
        <v>9.8000000000000007</v>
      </c>
    </row>
    <row r="18" spans="1:32" s="346" customFormat="1" ht="22.5" customHeight="1">
      <c r="A18" s="377">
        <v>109098</v>
      </c>
      <c r="B18" s="380" t="s">
        <v>445</v>
      </c>
      <c r="C18" s="503">
        <v>-1157</v>
      </c>
      <c r="D18" s="504">
        <v>-700</v>
      </c>
      <c r="E18" s="503">
        <v>-457</v>
      </c>
      <c r="F18" s="505">
        <v>-78</v>
      </c>
      <c r="G18" s="504">
        <v>-43</v>
      </c>
      <c r="H18" s="503">
        <v>-35</v>
      </c>
      <c r="I18" s="348" t="s">
        <v>72</v>
      </c>
      <c r="J18" s="349" t="s">
        <v>72</v>
      </c>
      <c r="K18" s="349" t="s">
        <v>72</v>
      </c>
      <c r="L18" s="505">
        <v>78</v>
      </c>
      <c r="M18" s="508">
        <v>0.6</v>
      </c>
      <c r="N18" s="505">
        <v>43</v>
      </c>
      <c r="O18" s="509">
        <v>0.6</v>
      </c>
      <c r="P18" s="505">
        <v>35</v>
      </c>
      <c r="Q18" s="509">
        <v>0.6</v>
      </c>
      <c r="R18" s="503">
        <v>-1079</v>
      </c>
      <c r="S18" s="504">
        <v>-657</v>
      </c>
      <c r="T18" s="503">
        <v>-422</v>
      </c>
      <c r="U18" s="505">
        <v>5232</v>
      </c>
      <c r="V18" s="508">
        <v>5</v>
      </c>
      <c r="W18" s="505">
        <v>3011</v>
      </c>
      <c r="X18" s="509">
        <v>5.4</v>
      </c>
      <c r="Y18" s="505">
        <v>2221</v>
      </c>
      <c r="Z18" s="509">
        <v>4.5</v>
      </c>
      <c r="AA18" s="505">
        <v>6311</v>
      </c>
      <c r="AB18" s="508">
        <v>6.3</v>
      </c>
      <c r="AC18" s="505">
        <v>3668</v>
      </c>
      <c r="AD18" s="509">
        <v>6.8</v>
      </c>
      <c r="AE18" s="503">
        <v>2643</v>
      </c>
      <c r="AF18" s="508">
        <v>5.6</v>
      </c>
    </row>
    <row r="19" spans="1:32" s="346" customFormat="1" ht="22.5" customHeight="1">
      <c r="A19" s="355">
        <v>123302</v>
      </c>
      <c r="B19" s="381" t="s">
        <v>446</v>
      </c>
      <c r="C19" s="510">
        <v>-908</v>
      </c>
      <c r="D19" s="511">
        <v>-606</v>
      </c>
      <c r="E19" s="510">
        <v>-302</v>
      </c>
      <c r="F19" s="512">
        <v>-152</v>
      </c>
      <c r="G19" s="511">
        <v>-101</v>
      </c>
      <c r="H19" s="510">
        <v>-51</v>
      </c>
      <c r="I19" s="513" t="s">
        <v>72</v>
      </c>
      <c r="J19" s="514" t="s">
        <v>72</v>
      </c>
      <c r="K19" s="514" t="s">
        <v>72</v>
      </c>
      <c r="L19" s="505">
        <v>152</v>
      </c>
      <c r="M19" s="515">
        <v>1.1000000000000001</v>
      </c>
      <c r="N19" s="512">
        <v>101</v>
      </c>
      <c r="O19" s="516">
        <v>1.4</v>
      </c>
      <c r="P19" s="512">
        <v>51</v>
      </c>
      <c r="Q19" s="516">
        <v>0.8</v>
      </c>
      <c r="R19" s="510">
        <v>-756</v>
      </c>
      <c r="S19" s="511">
        <v>-505</v>
      </c>
      <c r="T19" s="510">
        <v>-251</v>
      </c>
      <c r="U19" s="512">
        <v>3749</v>
      </c>
      <c r="V19" s="515">
        <v>3.6</v>
      </c>
      <c r="W19" s="512">
        <v>2172</v>
      </c>
      <c r="X19" s="516">
        <v>3.9</v>
      </c>
      <c r="Y19" s="512">
        <v>1577</v>
      </c>
      <c r="Z19" s="516">
        <v>3.2</v>
      </c>
      <c r="AA19" s="512">
        <v>4505</v>
      </c>
      <c r="AB19" s="515">
        <v>4.5</v>
      </c>
      <c r="AC19" s="512">
        <v>2677</v>
      </c>
      <c r="AD19" s="516">
        <v>5</v>
      </c>
      <c r="AE19" s="510">
        <v>1828</v>
      </c>
      <c r="AF19" s="515">
        <v>3.9</v>
      </c>
    </row>
    <row r="20" spans="1:32" s="346" customFormat="1" ht="22.5" customHeight="1">
      <c r="A20" s="377">
        <v>125452</v>
      </c>
      <c r="B20" s="380" t="s">
        <v>447</v>
      </c>
      <c r="C20" s="503">
        <v>-740</v>
      </c>
      <c r="D20" s="504">
        <v>-459</v>
      </c>
      <c r="E20" s="503">
        <v>-281</v>
      </c>
      <c r="F20" s="505">
        <v>-271</v>
      </c>
      <c r="G20" s="504">
        <v>-175</v>
      </c>
      <c r="H20" s="503">
        <v>-96</v>
      </c>
      <c r="I20" s="348" t="s">
        <v>72</v>
      </c>
      <c r="J20" s="349" t="s">
        <v>72</v>
      </c>
      <c r="K20" s="349" t="s">
        <v>72</v>
      </c>
      <c r="L20" s="507">
        <v>271</v>
      </c>
      <c r="M20" s="508">
        <v>2</v>
      </c>
      <c r="N20" s="505">
        <v>175</v>
      </c>
      <c r="O20" s="509">
        <v>2.4</v>
      </c>
      <c r="P20" s="505">
        <v>96</v>
      </c>
      <c r="Q20" s="509">
        <v>1.5</v>
      </c>
      <c r="R20" s="503">
        <v>-469</v>
      </c>
      <c r="S20" s="504">
        <v>-284</v>
      </c>
      <c r="T20" s="503">
        <v>-185</v>
      </c>
      <c r="U20" s="505">
        <v>3190</v>
      </c>
      <c r="V20" s="508">
        <v>3</v>
      </c>
      <c r="W20" s="505">
        <v>1768</v>
      </c>
      <c r="X20" s="509">
        <v>3.2</v>
      </c>
      <c r="Y20" s="505">
        <v>1422</v>
      </c>
      <c r="Z20" s="509">
        <v>2.9</v>
      </c>
      <c r="AA20" s="505">
        <v>3659</v>
      </c>
      <c r="AB20" s="508">
        <v>3.6</v>
      </c>
      <c r="AC20" s="505">
        <v>2052</v>
      </c>
      <c r="AD20" s="509">
        <v>3.8</v>
      </c>
      <c r="AE20" s="503">
        <v>1607</v>
      </c>
      <c r="AF20" s="508">
        <v>3.4</v>
      </c>
    </row>
    <row r="21" spans="1:32" s="346" customFormat="1" ht="22.5" customHeight="1">
      <c r="A21" s="377">
        <v>102404</v>
      </c>
      <c r="B21" s="380" t="s">
        <v>448</v>
      </c>
      <c r="C21" s="503">
        <v>-982</v>
      </c>
      <c r="D21" s="504">
        <v>-629</v>
      </c>
      <c r="E21" s="503">
        <v>-353</v>
      </c>
      <c r="F21" s="505">
        <v>-356</v>
      </c>
      <c r="G21" s="504">
        <v>-256</v>
      </c>
      <c r="H21" s="503">
        <v>-100</v>
      </c>
      <c r="I21" s="348" t="s">
        <v>72</v>
      </c>
      <c r="J21" s="349" t="s">
        <v>72</v>
      </c>
      <c r="K21" s="349" t="s">
        <v>72</v>
      </c>
      <c r="L21" s="505">
        <v>356</v>
      </c>
      <c r="M21" s="508">
        <v>2.6</v>
      </c>
      <c r="N21" s="505">
        <v>256</v>
      </c>
      <c r="O21" s="509">
        <v>3.5</v>
      </c>
      <c r="P21" s="505">
        <v>100</v>
      </c>
      <c r="Q21" s="509">
        <v>1.6</v>
      </c>
      <c r="R21" s="503">
        <v>-626</v>
      </c>
      <c r="S21" s="504">
        <v>-373</v>
      </c>
      <c r="T21" s="503">
        <v>-253</v>
      </c>
      <c r="U21" s="505">
        <v>2303</v>
      </c>
      <c r="V21" s="508">
        <v>2.2000000000000002</v>
      </c>
      <c r="W21" s="505">
        <v>1304</v>
      </c>
      <c r="X21" s="509">
        <v>2.4</v>
      </c>
      <c r="Y21" s="505">
        <v>999</v>
      </c>
      <c r="Z21" s="509">
        <v>2</v>
      </c>
      <c r="AA21" s="505">
        <v>2929</v>
      </c>
      <c r="AB21" s="508">
        <v>2.9</v>
      </c>
      <c r="AC21" s="505">
        <v>1677</v>
      </c>
      <c r="AD21" s="509">
        <v>3.1</v>
      </c>
      <c r="AE21" s="503">
        <v>1252</v>
      </c>
      <c r="AF21" s="508">
        <v>2.7</v>
      </c>
    </row>
    <row r="22" spans="1:32" s="346" customFormat="1" ht="22.5" customHeight="1">
      <c r="A22" s="377">
        <v>78336</v>
      </c>
      <c r="B22" s="380" t="s">
        <v>449</v>
      </c>
      <c r="C22" s="503">
        <v>-922</v>
      </c>
      <c r="D22" s="504">
        <v>-627</v>
      </c>
      <c r="E22" s="503">
        <v>-295</v>
      </c>
      <c r="F22" s="505">
        <v>-484</v>
      </c>
      <c r="G22" s="504">
        <v>-343</v>
      </c>
      <c r="H22" s="503">
        <v>-141</v>
      </c>
      <c r="I22" s="348" t="s">
        <v>72</v>
      </c>
      <c r="J22" s="349" t="s">
        <v>72</v>
      </c>
      <c r="K22" s="349" t="s">
        <v>72</v>
      </c>
      <c r="L22" s="505">
        <v>484</v>
      </c>
      <c r="M22" s="508">
        <v>3.5</v>
      </c>
      <c r="N22" s="505">
        <v>343</v>
      </c>
      <c r="O22" s="509">
        <v>4.7</v>
      </c>
      <c r="P22" s="505">
        <v>141</v>
      </c>
      <c r="Q22" s="509">
        <v>2.2000000000000002</v>
      </c>
      <c r="R22" s="503">
        <v>-438</v>
      </c>
      <c r="S22" s="504">
        <v>-284</v>
      </c>
      <c r="T22" s="503">
        <v>-154</v>
      </c>
      <c r="U22" s="505">
        <v>1579</v>
      </c>
      <c r="V22" s="508">
        <v>1.5</v>
      </c>
      <c r="W22" s="505">
        <v>885</v>
      </c>
      <c r="X22" s="509">
        <v>1.6</v>
      </c>
      <c r="Y22" s="505">
        <v>694</v>
      </c>
      <c r="Z22" s="509">
        <v>1.4</v>
      </c>
      <c r="AA22" s="505">
        <v>2017</v>
      </c>
      <c r="AB22" s="508">
        <v>2</v>
      </c>
      <c r="AC22" s="505">
        <v>1169</v>
      </c>
      <c r="AD22" s="509">
        <v>2.2000000000000002</v>
      </c>
      <c r="AE22" s="503">
        <v>848</v>
      </c>
      <c r="AF22" s="508">
        <v>1.8</v>
      </c>
    </row>
    <row r="23" spans="1:32" s="346" customFormat="1" ht="22.5" customHeight="1">
      <c r="A23" s="377">
        <v>65130</v>
      </c>
      <c r="B23" s="380" t="s">
        <v>450</v>
      </c>
      <c r="C23" s="503">
        <v>-963</v>
      </c>
      <c r="D23" s="504">
        <v>-662</v>
      </c>
      <c r="E23" s="503">
        <v>-301</v>
      </c>
      <c r="F23" s="505">
        <v>-617</v>
      </c>
      <c r="G23" s="504">
        <v>-433</v>
      </c>
      <c r="H23" s="503">
        <v>-184</v>
      </c>
      <c r="I23" s="348" t="s">
        <v>72</v>
      </c>
      <c r="J23" s="349" t="s">
        <v>72</v>
      </c>
      <c r="K23" s="349" t="s">
        <v>72</v>
      </c>
      <c r="L23" s="505">
        <v>617</v>
      </c>
      <c r="M23" s="508">
        <v>4.5</v>
      </c>
      <c r="N23" s="505">
        <v>433</v>
      </c>
      <c r="O23" s="509">
        <v>5.9</v>
      </c>
      <c r="P23" s="505">
        <v>184</v>
      </c>
      <c r="Q23" s="509">
        <v>2.9</v>
      </c>
      <c r="R23" s="503">
        <v>-346</v>
      </c>
      <c r="S23" s="504">
        <v>-229</v>
      </c>
      <c r="T23" s="503">
        <v>-117</v>
      </c>
      <c r="U23" s="505">
        <v>1007</v>
      </c>
      <c r="V23" s="508">
        <v>1</v>
      </c>
      <c r="W23" s="505">
        <v>578</v>
      </c>
      <c r="X23" s="509">
        <v>1</v>
      </c>
      <c r="Y23" s="505">
        <v>429</v>
      </c>
      <c r="Z23" s="509">
        <v>0.9</v>
      </c>
      <c r="AA23" s="505">
        <v>1353</v>
      </c>
      <c r="AB23" s="508">
        <v>1.3</v>
      </c>
      <c r="AC23" s="505">
        <v>807</v>
      </c>
      <c r="AD23" s="509">
        <v>1.5</v>
      </c>
      <c r="AE23" s="503">
        <v>546</v>
      </c>
      <c r="AF23" s="508">
        <v>1.2</v>
      </c>
    </row>
    <row r="24" spans="1:32" s="346" customFormat="1" ht="22.5" customHeight="1">
      <c r="A24" s="355">
        <v>76825</v>
      </c>
      <c r="B24" s="380" t="s">
        <v>451</v>
      </c>
      <c r="C24" s="510">
        <v>-1407</v>
      </c>
      <c r="D24" s="511">
        <v>-1028</v>
      </c>
      <c r="E24" s="510">
        <v>-379</v>
      </c>
      <c r="F24" s="512">
        <v>-1257</v>
      </c>
      <c r="G24" s="511">
        <v>-915</v>
      </c>
      <c r="H24" s="510">
        <v>-342</v>
      </c>
      <c r="I24" s="513" t="s">
        <v>72</v>
      </c>
      <c r="J24" s="514" t="s">
        <v>72</v>
      </c>
      <c r="K24" s="514" t="s">
        <v>72</v>
      </c>
      <c r="L24" s="512">
        <v>1257</v>
      </c>
      <c r="M24" s="515">
        <v>9.1999999999999993</v>
      </c>
      <c r="N24" s="512">
        <v>915</v>
      </c>
      <c r="O24" s="516">
        <v>12.4</v>
      </c>
      <c r="P24" s="512">
        <v>342</v>
      </c>
      <c r="Q24" s="516">
        <v>5.4</v>
      </c>
      <c r="R24" s="510">
        <v>-150</v>
      </c>
      <c r="S24" s="511">
        <v>-113</v>
      </c>
      <c r="T24" s="510">
        <v>-37</v>
      </c>
      <c r="U24" s="512">
        <v>1036</v>
      </c>
      <c r="V24" s="515">
        <v>1</v>
      </c>
      <c r="W24" s="512">
        <v>534</v>
      </c>
      <c r="X24" s="516">
        <v>1</v>
      </c>
      <c r="Y24" s="512">
        <v>502</v>
      </c>
      <c r="Z24" s="516">
        <v>1</v>
      </c>
      <c r="AA24" s="512">
        <v>1186</v>
      </c>
      <c r="AB24" s="515">
        <v>1.2</v>
      </c>
      <c r="AC24" s="512">
        <v>647</v>
      </c>
      <c r="AD24" s="516">
        <v>1.2</v>
      </c>
      <c r="AE24" s="510">
        <v>539</v>
      </c>
      <c r="AF24" s="515">
        <v>1.1000000000000001</v>
      </c>
    </row>
    <row r="25" spans="1:32" s="346" customFormat="1" ht="22.5" customHeight="1">
      <c r="A25" s="377">
        <v>60623</v>
      </c>
      <c r="B25" s="518" t="s">
        <v>452</v>
      </c>
      <c r="C25" s="503">
        <v>-1610</v>
      </c>
      <c r="D25" s="504">
        <v>-1054</v>
      </c>
      <c r="E25" s="503">
        <v>-556</v>
      </c>
      <c r="F25" s="505">
        <v>-1557</v>
      </c>
      <c r="G25" s="504">
        <v>-1001</v>
      </c>
      <c r="H25" s="503">
        <v>-556</v>
      </c>
      <c r="I25" s="348" t="s">
        <v>72</v>
      </c>
      <c r="J25" s="349" t="s">
        <v>72</v>
      </c>
      <c r="K25" s="349" t="s">
        <v>72</v>
      </c>
      <c r="L25" s="507">
        <v>1557</v>
      </c>
      <c r="M25" s="508">
        <v>11.4</v>
      </c>
      <c r="N25" s="505">
        <v>1001</v>
      </c>
      <c r="O25" s="509">
        <v>13.6</v>
      </c>
      <c r="P25" s="505">
        <v>556</v>
      </c>
      <c r="Q25" s="509">
        <v>8.8000000000000007</v>
      </c>
      <c r="R25" s="503">
        <v>-53</v>
      </c>
      <c r="S25" s="504">
        <v>-53</v>
      </c>
      <c r="T25" s="503">
        <v>0</v>
      </c>
      <c r="U25" s="505">
        <v>793</v>
      </c>
      <c r="V25" s="508">
        <v>0.8</v>
      </c>
      <c r="W25" s="505">
        <v>363</v>
      </c>
      <c r="X25" s="509">
        <v>0.7</v>
      </c>
      <c r="Y25" s="505">
        <v>430</v>
      </c>
      <c r="Z25" s="509">
        <v>0.9</v>
      </c>
      <c r="AA25" s="505">
        <v>846</v>
      </c>
      <c r="AB25" s="508">
        <v>0.8</v>
      </c>
      <c r="AC25" s="505">
        <v>416</v>
      </c>
      <c r="AD25" s="509">
        <v>0.8</v>
      </c>
      <c r="AE25" s="503">
        <v>430</v>
      </c>
      <c r="AF25" s="508">
        <v>0.9</v>
      </c>
    </row>
    <row r="26" spans="1:32" s="346" customFormat="1" ht="22.5" customHeight="1">
      <c r="A26" s="377">
        <v>48084</v>
      </c>
      <c r="B26" s="380" t="s">
        <v>453</v>
      </c>
      <c r="C26" s="503">
        <v>-2081</v>
      </c>
      <c r="D26" s="504">
        <v>-1302</v>
      </c>
      <c r="E26" s="503">
        <v>-779</v>
      </c>
      <c r="F26" s="505">
        <v>-2126</v>
      </c>
      <c r="G26" s="504">
        <v>-1291</v>
      </c>
      <c r="H26" s="503">
        <v>-835</v>
      </c>
      <c r="I26" s="348" t="s">
        <v>72</v>
      </c>
      <c r="J26" s="349" t="s">
        <v>72</v>
      </c>
      <c r="K26" s="349" t="s">
        <v>72</v>
      </c>
      <c r="L26" s="505">
        <v>2126</v>
      </c>
      <c r="M26" s="508">
        <v>15.6</v>
      </c>
      <c r="N26" s="505">
        <v>1291</v>
      </c>
      <c r="O26" s="509">
        <v>17.5</v>
      </c>
      <c r="P26" s="505">
        <v>835</v>
      </c>
      <c r="Q26" s="509">
        <v>13.3</v>
      </c>
      <c r="R26" s="503">
        <v>45</v>
      </c>
      <c r="S26" s="504">
        <v>-11</v>
      </c>
      <c r="T26" s="503">
        <v>56</v>
      </c>
      <c r="U26" s="505">
        <v>738</v>
      </c>
      <c r="V26" s="508">
        <v>0.7</v>
      </c>
      <c r="W26" s="505">
        <v>257</v>
      </c>
      <c r="X26" s="509">
        <v>0.5</v>
      </c>
      <c r="Y26" s="505">
        <v>481</v>
      </c>
      <c r="Z26" s="509">
        <v>1</v>
      </c>
      <c r="AA26" s="505">
        <v>693</v>
      </c>
      <c r="AB26" s="508">
        <v>0.7</v>
      </c>
      <c r="AC26" s="505">
        <v>268</v>
      </c>
      <c r="AD26" s="509">
        <v>0.5</v>
      </c>
      <c r="AE26" s="503">
        <v>425</v>
      </c>
      <c r="AF26" s="508">
        <v>0.9</v>
      </c>
    </row>
    <row r="27" spans="1:32" s="346" customFormat="1" ht="22.5" customHeight="1">
      <c r="A27" s="377">
        <v>32641</v>
      </c>
      <c r="B27" s="380" t="s">
        <v>454</v>
      </c>
      <c r="C27" s="503">
        <v>-2499</v>
      </c>
      <c r="D27" s="504">
        <v>-1325</v>
      </c>
      <c r="E27" s="503">
        <v>-1174</v>
      </c>
      <c r="F27" s="505">
        <v>-2648</v>
      </c>
      <c r="G27" s="504">
        <v>-1366</v>
      </c>
      <c r="H27" s="503">
        <v>-1282</v>
      </c>
      <c r="I27" s="348" t="s">
        <v>72</v>
      </c>
      <c r="J27" s="349" t="s">
        <v>72</v>
      </c>
      <c r="K27" s="349" t="s">
        <v>72</v>
      </c>
      <c r="L27" s="505">
        <v>2648</v>
      </c>
      <c r="M27" s="508">
        <v>19.399999999999999</v>
      </c>
      <c r="N27" s="505">
        <v>1366</v>
      </c>
      <c r="O27" s="509">
        <v>18.600000000000001</v>
      </c>
      <c r="P27" s="505">
        <v>1282</v>
      </c>
      <c r="Q27" s="509">
        <v>20.399999999999999</v>
      </c>
      <c r="R27" s="503">
        <v>149</v>
      </c>
      <c r="S27" s="504">
        <v>41</v>
      </c>
      <c r="T27" s="503">
        <v>108</v>
      </c>
      <c r="U27" s="505">
        <v>729</v>
      </c>
      <c r="V27" s="508">
        <v>0.7</v>
      </c>
      <c r="W27" s="505">
        <v>222</v>
      </c>
      <c r="X27" s="509">
        <v>0.4</v>
      </c>
      <c r="Y27" s="505">
        <v>507</v>
      </c>
      <c r="Z27" s="509">
        <v>1</v>
      </c>
      <c r="AA27" s="505">
        <v>580</v>
      </c>
      <c r="AB27" s="508">
        <v>0.6</v>
      </c>
      <c r="AC27" s="505">
        <v>181</v>
      </c>
      <c r="AD27" s="509">
        <v>0.3</v>
      </c>
      <c r="AE27" s="503">
        <v>399</v>
      </c>
      <c r="AF27" s="508">
        <v>0.9</v>
      </c>
    </row>
    <row r="28" spans="1:32" s="346" customFormat="1" ht="22.5" customHeight="1">
      <c r="A28" s="377">
        <v>16292</v>
      </c>
      <c r="B28" s="380" t="s">
        <v>455</v>
      </c>
      <c r="C28" s="503">
        <v>-2242</v>
      </c>
      <c r="D28" s="504">
        <v>-901</v>
      </c>
      <c r="E28" s="503">
        <v>-1341</v>
      </c>
      <c r="F28" s="505">
        <v>-2323</v>
      </c>
      <c r="G28" s="504">
        <v>-932</v>
      </c>
      <c r="H28" s="503">
        <v>-1391</v>
      </c>
      <c r="I28" s="348" t="s">
        <v>72</v>
      </c>
      <c r="J28" s="349" t="s">
        <v>72</v>
      </c>
      <c r="K28" s="349" t="s">
        <v>72</v>
      </c>
      <c r="L28" s="505">
        <v>2323</v>
      </c>
      <c r="M28" s="508">
        <v>17</v>
      </c>
      <c r="N28" s="505">
        <v>932</v>
      </c>
      <c r="O28" s="509">
        <v>12.7</v>
      </c>
      <c r="P28" s="505">
        <v>1391</v>
      </c>
      <c r="Q28" s="509">
        <v>22.1</v>
      </c>
      <c r="R28" s="503">
        <v>81</v>
      </c>
      <c r="S28" s="504">
        <v>31</v>
      </c>
      <c r="T28" s="503">
        <v>50</v>
      </c>
      <c r="U28" s="505">
        <v>393</v>
      </c>
      <c r="V28" s="508">
        <v>0.4</v>
      </c>
      <c r="W28" s="505">
        <v>107</v>
      </c>
      <c r="X28" s="509">
        <v>0.2</v>
      </c>
      <c r="Y28" s="505">
        <v>286</v>
      </c>
      <c r="Z28" s="509">
        <v>0.6</v>
      </c>
      <c r="AA28" s="505">
        <v>312</v>
      </c>
      <c r="AB28" s="508">
        <v>0.3</v>
      </c>
      <c r="AC28" s="505">
        <v>76</v>
      </c>
      <c r="AD28" s="509">
        <v>0.1</v>
      </c>
      <c r="AE28" s="503">
        <v>236</v>
      </c>
      <c r="AF28" s="508">
        <v>0.5</v>
      </c>
    </row>
    <row r="29" spans="1:32" s="346" customFormat="1" ht="22.5" customHeight="1">
      <c r="A29" s="355">
        <v>4272</v>
      </c>
      <c r="B29" s="381" t="s">
        <v>456</v>
      </c>
      <c r="C29" s="510">
        <v>-1227</v>
      </c>
      <c r="D29" s="511">
        <v>-353</v>
      </c>
      <c r="E29" s="510">
        <v>-874</v>
      </c>
      <c r="F29" s="512">
        <v>-1237</v>
      </c>
      <c r="G29" s="511">
        <v>-346</v>
      </c>
      <c r="H29" s="510">
        <v>-891</v>
      </c>
      <c r="I29" s="513" t="s">
        <v>72</v>
      </c>
      <c r="J29" s="514" t="s">
        <v>72</v>
      </c>
      <c r="K29" s="514" t="s">
        <v>72</v>
      </c>
      <c r="L29" s="505">
        <v>1237</v>
      </c>
      <c r="M29" s="515">
        <v>9.1</v>
      </c>
      <c r="N29" s="512">
        <v>346</v>
      </c>
      <c r="O29" s="516">
        <v>4.7</v>
      </c>
      <c r="P29" s="512">
        <v>891</v>
      </c>
      <c r="Q29" s="516">
        <v>14.2</v>
      </c>
      <c r="R29" s="510">
        <v>10</v>
      </c>
      <c r="S29" s="511">
        <v>-7</v>
      </c>
      <c r="T29" s="510">
        <v>17</v>
      </c>
      <c r="U29" s="512">
        <v>128</v>
      </c>
      <c r="V29" s="515">
        <v>0.1</v>
      </c>
      <c r="W29" s="512">
        <v>26</v>
      </c>
      <c r="X29" s="516">
        <v>0</v>
      </c>
      <c r="Y29" s="512">
        <v>102</v>
      </c>
      <c r="Z29" s="516">
        <v>0.2</v>
      </c>
      <c r="AA29" s="512">
        <v>118</v>
      </c>
      <c r="AB29" s="515">
        <v>0.1</v>
      </c>
      <c r="AC29" s="512">
        <v>33</v>
      </c>
      <c r="AD29" s="516">
        <v>0.1</v>
      </c>
      <c r="AE29" s="510">
        <v>85</v>
      </c>
      <c r="AF29" s="515">
        <v>0.2</v>
      </c>
    </row>
    <row r="30" spans="1:32" s="346" customFormat="1" ht="22.5" customHeight="1">
      <c r="A30" s="519">
        <v>722</v>
      </c>
      <c r="B30" s="520" t="s">
        <v>457</v>
      </c>
      <c r="C30" s="521">
        <v>-351</v>
      </c>
      <c r="D30" s="522">
        <v>-49</v>
      </c>
      <c r="E30" s="523">
        <v>-302</v>
      </c>
      <c r="F30" s="523">
        <v>-352</v>
      </c>
      <c r="G30" s="522">
        <v>-50</v>
      </c>
      <c r="H30" s="524">
        <v>-302</v>
      </c>
      <c r="I30" s="525" t="s">
        <v>72</v>
      </c>
      <c r="J30" s="526" t="s">
        <v>72</v>
      </c>
      <c r="K30" s="526" t="s">
        <v>72</v>
      </c>
      <c r="L30" s="523">
        <v>352</v>
      </c>
      <c r="M30" s="879">
        <v>2.6</v>
      </c>
      <c r="N30" s="523">
        <v>50</v>
      </c>
      <c r="O30" s="880">
        <v>0.7</v>
      </c>
      <c r="P30" s="523">
        <v>302</v>
      </c>
      <c r="Q30" s="880">
        <v>4.8</v>
      </c>
      <c r="R30" s="524">
        <v>1</v>
      </c>
      <c r="S30" s="522">
        <v>1</v>
      </c>
      <c r="T30" s="523">
        <v>0</v>
      </c>
      <c r="U30" s="523">
        <v>16</v>
      </c>
      <c r="V30" s="879">
        <v>0</v>
      </c>
      <c r="W30" s="523">
        <v>4</v>
      </c>
      <c r="X30" s="880">
        <v>0</v>
      </c>
      <c r="Y30" s="523">
        <v>12</v>
      </c>
      <c r="Z30" s="880">
        <v>0</v>
      </c>
      <c r="AA30" s="523">
        <v>15</v>
      </c>
      <c r="AB30" s="879">
        <v>0</v>
      </c>
      <c r="AC30" s="523">
        <v>3</v>
      </c>
      <c r="AD30" s="880">
        <v>0</v>
      </c>
      <c r="AE30" s="524">
        <v>12</v>
      </c>
      <c r="AF30" s="879">
        <v>0</v>
      </c>
    </row>
    <row r="31" spans="1:32" s="346" customFormat="1" ht="22.5" customHeight="1">
      <c r="A31" s="377">
        <v>182751</v>
      </c>
      <c r="B31" s="347" t="s">
        <v>458</v>
      </c>
      <c r="C31" s="503">
        <v>8860</v>
      </c>
      <c r="D31" s="504">
        <v>4581</v>
      </c>
      <c r="E31" s="503">
        <v>4279</v>
      </c>
      <c r="F31" s="505">
        <v>11524</v>
      </c>
      <c r="G31" s="504">
        <v>5951</v>
      </c>
      <c r="H31" s="503">
        <v>5573</v>
      </c>
      <c r="I31" s="505">
        <v>11556</v>
      </c>
      <c r="J31" s="504">
        <v>5965</v>
      </c>
      <c r="K31" s="504">
        <v>5591</v>
      </c>
      <c r="L31" s="505">
        <v>32</v>
      </c>
      <c r="M31" s="508">
        <v>0.2</v>
      </c>
      <c r="N31" s="505">
        <v>14</v>
      </c>
      <c r="O31" s="509">
        <v>0.2</v>
      </c>
      <c r="P31" s="505">
        <v>18</v>
      </c>
      <c r="Q31" s="509">
        <v>0.3</v>
      </c>
      <c r="R31" s="503">
        <v>-2664</v>
      </c>
      <c r="S31" s="504">
        <v>-1370</v>
      </c>
      <c r="T31" s="505">
        <v>-1294</v>
      </c>
      <c r="U31" s="505">
        <v>7009</v>
      </c>
      <c r="V31" s="508">
        <v>6.7</v>
      </c>
      <c r="W31" s="505">
        <v>3593</v>
      </c>
      <c r="X31" s="509">
        <v>6.5</v>
      </c>
      <c r="Y31" s="505">
        <v>3416</v>
      </c>
      <c r="Z31" s="509">
        <v>6.9</v>
      </c>
      <c r="AA31" s="505">
        <v>9673</v>
      </c>
      <c r="AB31" s="508">
        <v>9.6</v>
      </c>
      <c r="AC31" s="505">
        <v>4963</v>
      </c>
      <c r="AD31" s="509">
        <v>9.1999999999999993</v>
      </c>
      <c r="AE31" s="505">
        <v>4710</v>
      </c>
      <c r="AF31" s="508">
        <v>10</v>
      </c>
    </row>
    <row r="32" spans="1:32" s="346" customFormat="1" ht="22.5" customHeight="1">
      <c r="A32" s="377">
        <v>1006826</v>
      </c>
      <c r="B32" s="347" t="s">
        <v>459</v>
      </c>
      <c r="C32" s="503">
        <v>5211</v>
      </c>
      <c r="D32" s="504">
        <v>2212</v>
      </c>
      <c r="E32" s="503">
        <v>2999</v>
      </c>
      <c r="F32" s="505">
        <v>-1499</v>
      </c>
      <c r="G32" s="504">
        <v>-1013</v>
      </c>
      <c r="H32" s="503">
        <v>-486</v>
      </c>
      <c r="I32" s="348" t="s">
        <v>72</v>
      </c>
      <c r="J32" s="349" t="s">
        <v>72</v>
      </c>
      <c r="K32" s="349" t="s">
        <v>72</v>
      </c>
      <c r="L32" s="505">
        <v>1499</v>
      </c>
      <c r="M32" s="508">
        <v>11</v>
      </c>
      <c r="N32" s="505">
        <v>1013</v>
      </c>
      <c r="O32" s="509">
        <v>13.8</v>
      </c>
      <c r="P32" s="505">
        <v>486</v>
      </c>
      <c r="Q32" s="509">
        <v>7.7</v>
      </c>
      <c r="R32" s="503">
        <v>6710</v>
      </c>
      <c r="S32" s="504">
        <v>3225</v>
      </c>
      <c r="T32" s="503">
        <v>3485</v>
      </c>
      <c r="U32" s="505">
        <v>92774</v>
      </c>
      <c r="V32" s="508">
        <v>88.7</v>
      </c>
      <c r="W32" s="505">
        <v>49754</v>
      </c>
      <c r="X32" s="509">
        <v>89.7</v>
      </c>
      <c r="Y32" s="505">
        <v>43020</v>
      </c>
      <c r="Z32" s="509">
        <v>87.5</v>
      </c>
      <c r="AA32" s="505">
        <v>86064</v>
      </c>
      <c r="AB32" s="508">
        <v>85.3</v>
      </c>
      <c r="AC32" s="505">
        <v>46529</v>
      </c>
      <c r="AD32" s="509">
        <v>86.3</v>
      </c>
      <c r="AE32" s="505">
        <v>39535</v>
      </c>
      <c r="AF32" s="508">
        <v>84.3</v>
      </c>
    </row>
    <row r="33" spans="1:32" s="346" customFormat="1" ht="22.5" customHeight="1" thickBot="1">
      <c r="A33" s="527">
        <v>304589</v>
      </c>
      <c r="B33" s="350" t="s">
        <v>460</v>
      </c>
      <c r="C33" s="528">
        <v>-12380</v>
      </c>
      <c r="D33" s="529">
        <v>-6674</v>
      </c>
      <c r="E33" s="528">
        <v>-5706</v>
      </c>
      <c r="F33" s="530">
        <v>-12117</v>
      </c>
      <c r="G33" s="529">
        <v>-6334</v>
      </c>
      <c r="H33" s="528">
        <v>-5783</v>
      </c>
      <c r="I33" s="351" t="s">
        <v>72</v>
      </c>
      <c r="J33" s="352" t="s">
        <v>72</v>
      </c>
      <c r="K33" s="352" t="s">
        <v>72</v>
      </c>
      <c r="L33" s="530">
        <v>12117</v>
      </c>
      <c r="M33" s="531">
        <v>88.8</v>
      </c>
      <c r="N33" s="530">
        <v>6334</v>
      </c>
      <c r="O33" s="532">
        <v>86</v>
      </c>
      <c r="P33" s="530">
        <v>5783</v>
      </c>
      <c r="Q33" s="532">
        <v>92</v>
      </c>
      <c r="R33" s="528">
        <v>-263</v>
      </c>
      <c r="S33" s="529">
        <v>-340</v>
      </c>
      <c r="T33" s="528">
        <v>77</v>
      </c>
      <c r="U33" s="530">
        <v>4840</v>
      </c>
      <c r="V33" s="531">
        <v>4.5999999999999996</v>
      </c>
      <c r="W33" s="530">
        <v>2091</v>
      </c>
      <c r="X33" s="532">
        <v>3.8</v>
      </c>
      <c r="Y33" s="530">
        <v>2749</v>
      </c>
      <c r="Z33" s="532">
        <v>5.6</v>
      </c>
      <c r="AA33" s="530">
        <v>5103</v>
      </c>
      <c r="AB33" s="531">
        <v>5.0999999999999996</v>
      </c>
      <c r="AC33" s="530">
        <v>2431</v>
      </c>
      <c r="AD33" s="532">
        <v>4.5</v>
      </c>
      <c r="AE33" s="530">
        <v>2672</v>
      </c>
      <c r="AF33" s="531">
        <v>5.7</v>
      </c>
    </row>
    <row r="34" spans="1:32" ht="12" customHeight="1" thickTop="1">
      <c r="A34" s="384"/>
      <c r="B34" s="384"/>
      <c r="C34" s="384"/>
      <c r="D34" s="384"/>
      <c r="E34" s="384"/>
      <c r="F34" s="384"/>
      <c r="G34" s="384"/>
    </row>
    <row r="35" spans="1:32" s="353" customFormat="1" ht="18" customHeight="1">
      <c r="A35" s="533" t="s">
        <v>463</v>
      </c>
      <c r="B35" s="490"/>
      <c r="C35" s="490"/>
      <c r="D35" s="490"/>
      <c r="E35" s="490"/>
      <c r="F35" s="490"/>
      <c r="G35" s="490"/>
      <c r="H35" s="490"/>
      <c r="I35" s="491"/>
    </row>
    <row r="36" spans="1:32" s="353" customFormat="1" ht="18" customHeight="1">
      <c r="A36" s="533" t="s">
        <v>507</v>
      </c>
    </row>
    <row r="37" spans="1:32" s="353" customFormat="1" ht="18" customHeight="1">
      <c r="A37" s="533" t="s">
        <v>508</v>
      </c>
      <c r="B37" s="492"/>
      <c r="C37" s="492"/>
      <c r="D37" s="492"/>
      <c r="E37" s="492"/>
      <c r="F37" s="492"/>
      <c r="G37" s="492"/>
      <c r="H37" s="492"/>
      <c r="I37" s="492"/>
    </row>
    <row r="38" spans="1:32" s="353" customFormat="1" ht="18" customHeight="1">
      <c r="A38" s="533" t="s">
        <v>509</v>
      </c>
    </row>
    <row r="48" spans="1:32">
      <c r="A48" s="534"/>
    </row>
  </sheetData>
  <mergeCells count="15">
    <mergeCell ref="A2:A6"/>
    <mergeCell ref="C4:E4"/>
    <mergeCell ref="F4:H4"/>
    <mergeCell ref="I4:K4"/>
    <mergeCell ref="L4:Q4"/>
    <mergeCell ref="U4:Z4"/>
    <mergeCell ref="AA4:AF4"/>
    <mergeCell ref="C5:E5"/>
    <mergeCell ref="F5:H5"/>
    <mergeCell ref="I5:K5"/>
    <mergeCell ref="L5:Q5"/>
    <mergeCell ref="R5:T5"/>
    <mergeCell ref="U5:Z5"/>
    <mergeCell ref="AA5:AF5"/>
    <mergeCell ref="R4:T4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72" firstPageNumber="22" orientation="landscape" blackAndWhite="1" r:id="rId1"/>
  <headerFooter scaleWithDoc="0"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I48"/>
  <sheetViews>
    <sheetView view="pageBreakPreview" zoomScale="80" zoomScaleNormal="80" zoomScaleSheetLayoutView="80" workbookViewId="0">
      <pane ySplit="6" topLeftCell="A7" activePane="bottomLeft" state="frozen"/>
      <selection pane="bottomLeft"/>
    </sheetView>
  </sheetViews>
  <sheetFormatPr defaultRowHeight="13.5"/>
  <cols>
    <col min="1" max="1" width="17.5" style="151" customWidth="1"/>
    <col min="2" max="2" width="10.625" style="151" customWidth="1"/>
    <col min="3" max="8" width="8.75" style="151" customWidth="1"/>
    <col min="9" max="11" width="8.25" style="151" customWidth="1"/>
    <col min="12" max="12" width="8.75" style="151" customWidth="1"/>
    <col min="13" max="13" width="7.125" style="151" customWidth="1"/>
    <col min="14" max="14" width="8.75" style="151" customWidth="1"/>
    <col min="15" max="15" width="7.25" style="151" customWidth="1"/>
    <col min="16" max="16" width="8.75" style="151" customWidth="1"/>
    <col min="17" max="17" width="7.125" style="151" customWidth="1"/>
    <col min="18" max="21" width="8.75" style="151" customWidth="1"/>
    <col min="22" max="22" width="7.125" style="151" customWidth="1"/>
    <col min="23" max="23" width="8.75" style="151" customWidth="1"/>
    <col min="24" max="24" width="7.125" style="151" customWidth="1"/>
    <col min="25" max="25" width="8.75" style="151" customWidth="1"/>
    <col min="26" max="26" width="7.125" style="151" customWidth="1"/>
    <col min="27" max="27" width="8.75" style="151" customWidth="1"/>
    <col min="28" max="28" width="7.125" style="151" customWidth="1"/>
    <col min="29" max="29" width="8.75" style="151" customWidth="1"/>
    <col min="30" max="30" width="7.125" style="151" customWidth="1"/>
    <col min="31" max="31" width="8.75" style="151" customWidth="1"/>
    <col min="32" max="32" width="7.125" style="151" customWidth="1"/>
    <col min="33" max="16384" width="9" style="151"/>
  </cols>
  <sheetData>
    <row r="1" spans="1:35" ht="21" customHeight="1" thickBot="1">
      <c r="A1" s="897" t="s">
        <v>512</v>
      </c>
      <c r="B1" s="329"/>
      <c r="C1" s="329"/>
      <c r="D1" s="329"/>
      <c r="E1" s="329"/>
      <c r="S1" s="329"/>
      <c r="U1" s="329"/>
      <c r="V1" s="329"/>
      <c r="AC1" s="330"/>
      <c r="AD1" s="330"/>
      <c r="AF1" s="494" t="s">
        <v>512</v>
      </c>
    </row>
    <row r="2" spans="1:35" s="346" customFormat="1" ht="22.5" customHeight="1" thickTop="1">
      <c r="A2" s="1036" t="s">
        <v>488</v>
      </c>
      <c r="B2" s="464"/>
      <c r="C2" s="331"/>
      <c r="D2" s="331"/>
      <c r="E2" s="331"/>
      <c r="F2" s="331"/>
      <c r="G2" s="331"/>
      <c r="H2" s="331"/>
      <c r="I2" s="331"/>
      <c r="J2" s="331"/>
      <c r="K2" s="331"/>
      <c r="L2" s="331"/>
      <c r="M2" s="331"/>
      <c r="N2" s="331"/>
      <c r="O2" s="331"/>
      <c r="P2" s="331"/>
      <c r="Q2" s="331"/>
      <c r="R2" s="331"/>
      <c r="S2" s="331"/>
      <c r="T2" s="331"/>
      <c r="U2" s="331"/>
      <c r="V2" s="331"/>
      <c r="W2" s="331"/>
      <c r="X2" s="331"/>
      <c r="Y2" s="331"/>
      <c r="Z2" s="331"/>
      <c r="AA2" s="331"/>
      <c r="AB2" s="331"/>
      <c r="AC2" s="331"/>
      <c r="AD2" s="331"/>
      <c r="AE2" s="331"/>
      <c r="AF2" s="354"/>
    </row>
    <row r="3" spans="1:35" s="495" customFormat="1" ht="22.5" customHeight="1">
      <c r="A3" s="1037"/>
      <c r="B3" s="332"/>
      <c r="C3" s="465"/>
      <c r="D3" s="333" t="s">
        <v>489</v>
      </c>
      <c r="E3" s="334"/>
      <c r="F3" s="466"/>
      <c r="G3" s="467"/>
      <c r="H3" s="335"/>
      <c r="I3" s="335"/>
      <c r="J3" s="335"/>
      <c r="K3" s="335"/>
      <c r="L3" s="335"/>
      <c r="M3" s="335"/>
      <c r="N3" s="335"/>
      <c r="O3" s="335"/>
      <c r="P3" s="335"/>
      <c r="Q3" s="335"/>
      <c r="R3" s="466"/>
      <c r="S3" s="467"/>
      <c r="T3" s="335"/>
      <c r="U3" s="335"/>
      <c r="V3" s="335"/>
      <c r="W3" s="335"/>
      <c r="X3" s="335"/>
      <c r="Y3" s="335"/>
      <c r="Z3" s="335"/>
      <c r="AA3" s="335"/>
      <c r="AB3" s="335"/>
      <c r="AC3" s="335"/>
      <c r="AD3" s="335"/>
      <c r="AE3" s="335"/>
      <c r="AF3" s="335"/>
    </row>
    <row r="4" spans="1:35" s="495" customFormat="1" ht="22.5" customHeight="1">
      <c r="A4" s="1037"/>
      <c r="B4" s="496" t="s">
        <v>253</v>
      </c>
      <c r="C4" s="1033" t="s">
        <v>490</v>
      </c>
      <c r="D4" s="1034"/>
      <c r="E4" s="1035"/>
      <c r="F4" s="1033" t="s">
        <v>422</v>
      </c>
      <c r="G4" s="1034"/>
      <c r="H4" s="1035"/>
      <c r="I4" s="1027" t="s">
        <v>423</v>
      </c>
      <c r="J4" s="1028"/>
      <c r="K4" s="1029"/>
      <c r="L4" s="1027" t="s">
        <v>491</v>
      </c>
      <c r="M4" s="1028"/>
      <c r="N4" s="1028"/>
      <c r="O4" s="1028"/>
      <c r="P4" s="1028"/>
      <c r="Q4" s="1029"/>
      <c r="R4" s="1033" t="s">
        <v>425</v>
      </c>
      <c r="S4" s="1034"/>
      <c r="T4" s="1035"/>
      <c r="U4" s="1027" t="s">
        <v>426</v>
      </c>
      <c r="V4" s="1028"/>
      <c r="W4" s="1028"/>
      <c r="X4" s="1028"/>
      <c r="Y4" s="1028"/>
      <c r="Z4" s="1029"/>
      <c r="AA4" s="1027" t="s">
        <v>427</v>
      </c>
      <c r="AB4" s="1028"/>
      <c r="AC4" s="1028"/>
      <c r="AD4" s="1028"/>
      <c r="AE4" s="1028"/>
      <c r="AF4" s="1028"/>
    </row>
    <row r="5" spans="1:35" s="497" customFormat="1" ht="22.5" customHeight="1">
      <c r="A5" s="1037"/>
      <c r="B5" s="347"/>
      <c r="C5" s="1030" t="s">
        <v>492</v>
      </c>
      <c r="D5" s="1031"/>
      <c r="E5" s="1032"/>
      <c r="F5" s="1030" t="s">
        <v>493</v>
      </c>
      <c r="G5" s="1031"/>
      <c r="H5" s="1032"/>
      <c r="I5" s="1030" t="s">
        <v>494</v>
      </c>
      <c r="J5" s="1031"/>
      <c r="K5" s="1032"/>
      <c r="L5" s="1030" t="s">
        <v>495</v>
      </c>
      <c r="M5" s="1031"/>
      <c r="N5" s="1031"/>
      <c r="O5" s="1031"/>
      <c r="P5" s="1031"/>
      <c r="Q5" s="1032"/>
      <c r="R5" s="1030" t="s">
        <v>496</v>
      </c>
      <c r="S5" s="1031"/>
      <c r="T5" s="1032"/>
      <c r="U5" s="1030" t="s">
        <v>433</v>
      </c>
      <c r="V5" s="1031"/>
      <c r="W5" s="1031"/>
      <c r="X5" s="1031"/>
      <c r="Y5" s="1031"/>
      <c r="Z5" s="1032"/>
      <c r="AA5" s="1030" t="s">
        <v>434</v>
      </c>
      <c r="AB5" s="1031"/>
      <c r="AC5" s="1031"/>
      <c r="AD5" s="1031"/>
      <c r="AE5" s="1031"/>
      <c r="AF5" s="1031"/>
      <c r="AI5" s="498"/>
    </row>
    <row r="6" spans="1:35" s="415" customFormat="1" ht="22.5" customHeight="1">
      <c r="A6" s="988"/>
      <c r="B6" s="470"/>
      <c r="C6" s="473" t="s">
        <v>497</v>
      </c>
      <c r="D6" s="472" t="s">
        <v>498</v>
      </c>
      <c r="E6" s="473" t="s">
        <v>499</v>
      </c>
      <c r="F6" s="474" t="s">
        <v>497</v>
      </c>
      <c r="G6" s="472" t="s">
        <v>498</v>
      </c>
      <c r="H6" s="473" t="s">
        <v>499</v>
      </c>
      <c r="I6" s="474" t="s">
        <v>500</v>
      </c>
      <c r="J6" s="472" t="s">
        <v>498</v>
      </c>
      <c r="K6" s="472" t="s">
        <v>499</v>
      </c>
      <c r="L6" s="475" t="s">
        <v>500</v>
      </c>
      <c r="M6" s="336" t="s">
        <v>501</v>
      </c>
      <c r="N6" s="475" t="s">
        <v>502</v>
      </c>
      <c r="O6" s="336" t="s">
        <v>501</v>
      </c>
      <c r="P6" s="475" t="s">
        <v>499</v>
      </c>
      <c r="Q6" s="336" t="s">
        <v>501</v>
      </c>
      <c r="R6" s="473" t="s">
        <v>497</v>
      </c>
      <c r="S6" s="472" t="s">
        <v>498</v>
      </c>
      <c r="T6" s="473" t="s">
        <v>499</v>
      </c>
      <c r="U6" s="474" t="s">
        <v>497</v>
      </c>
      <c r="V6" s="336" t="s">
        <v>501</v>
      </c>
      <c r="W6" s="475" t="s">
        <v>498</v>
      </c>
      <c r="X6" s="336" t="s">
        <v>501</v>
      </c>
      <c r="Y6" s="475" t="s">
        <v>499</v>
      </c>
      <c r="Z6" s="336" t="s">
        <v>501</v>
      </c>
      <c r="AA6" s="475" t="s">
        <v>497</v>
      </c>
      <c r="AB6" s="336" t="s">
        <v>501</v>
      </c>
      <c r="AC6" s="475" t="s">
        <v>498</v>
      </c>
      <c r="AD6" s="336" t="s">
        <v>501</v>
      </c>
      <c r="AE6" s="475" t="s">
        <v>499</v>
      </c>
      <c r="AF6" s="337" t="s">
        <v>501</v>
      </c>
    </row>
    <row r="7" spans="1:35" s="78" customFormat="1" ht="22.5" customHeight="1">
      <c r="A7" s="481" t="s">
        <v>192</v>
      </c>
      <c r="B7" s="239"/>
      <c r="C7" s="86" t="s">
        <v>192</v>
      </c>
      <c r="D7" s="105" t="s">
        <v>192</v>
      </c>
      <c r="E7" s="86" t="s">
        <v>192</v>
      </c>
      <c r="F7" s="106" t="s">
        <v>192</v>
      </c>
      <c r="G7" s="105" t="s">
        <v>192</v>
      </c>
      <c r="H7" s="86" t="s">
        <v>192</v>
      </c>
      <c r="I7" s="106" t="s">
        <v>192</v>
      </c>
      <c r="J7" s="105" t="s">
        <v>192</v>
      </c>
      <c r="K7" s="105" t="s">
        <v>192</v>
      </c>
      <c r="L7" s="479" t="s">
        <v>192</v>
      </c>
      <c r="M7" s="86" t="s">
        <v>503</v>
      </c>
      <c r="N7" s="479" t="s">
        <v>192</v>
      </c>
      <c r="O7" s="86" t="s">
        <v>503</v>
      </c>
      <c r="P7" s="479" t="s">
        <v>192</v>
      </c>
      <c r="Q7" s="86" t="s">
        <v>503</v>
      </c>
      <c r="R7" s="478" t="s">
        <v>192</v>
      </c>
      <c r="S7" s="105" t="s">
        <v>192</v>
      </c>
      <c r="T7" s="86" t="s">
        <v>192</v>
      </c>
      <c r="U7" s="479" t="s">
        <v>192</v>
      </c>
      <c r="V7" s="86" t="s">
        <v>503</v>
      </c>
      <c r="W7" s="479" t="s">
        <v>192</v>
      </c>
      <c r="X7" s="86" t="s">
        <v>503</v>
      </c>
      <c r="Y7" s="479" t="s">
        <v>192</v>
      </c>
      <c r="Z7" s="86" t="s">
        <v>503</v>
      </c>
      <c r="AA7" s="479" t="s">
        <v>192</v>
      </c>
      <c r="AB7" s="86" t="s">
        <v>503</v>
      </c>
      <c r="AC7" s="479" t="s">
        <v>192</v>
      </c>
      <c r="AD7" s="86" t="s">
        <v>503</v>
      </c>
      <c r="AE7" s="479" t="s">
        <v>192</v>
      </c>
      <c r="AF7" s="86" t="s">
        <v>503</v>
      </c>
    </row>
    <row r="8" spans="1:35" s="495" customFormat="1" ht="22.5" customHeight="1">
      <c r="A8" s="499">
        <v>679613</v>
      </c>
      <c r="B8" s="338" t="s">
        <v>194</v>
      </c>
      <c r="C8" s="500">
        <v>-6226</v>
      </c>
      <c r="D8" s="501">
        <v>-3269</v>
      </c>
      <c r="E8" s="500">
        <v>-2957</v>
      </c>
      <c r="F8" s="502">
        <v>-6357</v>
      </c>
      <c r="G8" s="501">
        <v>-3319</v>
      </c>
      <c r="H8" s="500">
        <v>-3038</v>
      </c>
      <c r="I8" s="502">
        <v>3329</v>
      </c>
      <c r="J8" s="501">
        <v>1670</v>
      </c>
      <c r="K8" s="501">
        <v>1659</v>
      </c>
      <c r="L8" s="502">
        <v>9686</v>
      </c>
      <c r="M8" s="339" t="s">
        <v>504</v>
      </c>
      <c r="N8" s="502">
        <v>4989</v>
      </c>
      <c r="O8" s="339" t="s">
        <v>505</v>
      </c>
      <c r="P8" s="502">
        <v>4697</v>
      </c>
      <c r="Q8" s="339" t="s">
        <v>505</v>
      </c>
      <c r="R8" s="501">
        <v>131</v>
      </c>
      <c r="S8" s="501">
        <v>50</v>
      </c>
      <c r="T8" s="500">
        <v>81</v>
      </c>
      <c r="U8" s="502">
        <v>27160</v>
      </c>
      <c r="V8" s="339" t="s">
        <v>505</v>
      </c>
      <c r="W8" s="502">
        <v>15379</v>
      </c>
      <c r="X8" s="339" t="s">
        <v>505</v>
      </c>
      <c r="Y8" s="502">
        <v>11781</v>
      </c>
      <c r="Z8" s="339" t="s">
        <v>505</v>
      </c>
      <c r="AA8" s="502">
        <v>27029</v>
      </c>
      <c r="AB8" s="339" t="s">
        <v>505</v>
      </c>
      <c r="AC8" s="502">
        <v>15329</v>
      </c>
      <c r="AD8" s="339" t="s">
        <v>505</v>
      </c>
      <c r="AE8" s="502">
        <v>11700</v>
      </c>
      <c r="AF8" s="339" t="s">
        <v>505</v>
      </c>
    </row>
    <row r="9" spans="1:35" s="346" customFormat="1" ht="15.75" customHeight="1">
      <c r="A9" s="355"/>
      <c r="B9" s="341"/>
      <c r="C9" s="342"/>
      <c r="D9" s="299"/>
      <c r="E9" s="342"/>
      <c r="F9" s="298"/>
      <c r="G9" s="299"/>
      <c r="H9" s="342"/>
      <c r="I9" s="298"/>
      <c r="J9" s="299"/>
      <c r="K9" s="299"/>
      <c r="L9" s="298"/>
      <c r="M9" s="343"/>
      <c r="N9" s="298"/>
      <c r="O9" s="344"/>
      <c r="P9" s="298"/>
      <c r="Q9" s="345"/>
      <c r="R9" s="342"/>
      <c r="S9" s="299"/>
      <c r="T9" s="342"/>
      <c r="U9" s="298"/>
      <c r="V9" s="343"/>
      <c r="W9" s="298"/>
      <c r="X9" s="344"/>
      <c r="Y9" s="298"/>
      <c r="Z9" s="344"/>
      <c r="AA9" s="298"/>
      <c r="AB9" s="343"/>
      <c r="AC9" s="298"/>
      <c r="AD9" s="344"/>
      <c r="AE9" s="298"/>
      <c r="AF9" s="343"/>
    </row>
    <row r="10" spans="1:35" s="346" customFormat="1" ht="22.5" customHeight="1">
      <c r="A10" s="377">
        <v>18710</v>
      </c>
      <c r="B10" s="378" t="s">
        <v>436</v>
      </c>
      <c r="C10" s="503">
        <v>3676</v>
      </c>
      <c r="D10" s="504">
        <v>1806</v>
      </c>
      <c r="E10" s="503">
        <v>1870</v>
      </c>
      <c r="F10" s="505">
        <v>3324</v>
      </c>
      <c r="G10" s="504">
        <v>1667</v>
      </c>
      <c r="H10" s="503">
        <v>1657</v>
      </c>
      <c r="I10" s="506">
        <v>3329</v>
      </c>
      <c r="J10" s="504">
        <v>1670</v>
      </c>
      <c r="K10" s="504">
        <v>1659</v>
      </c>
      <c r="L10" s="507">
        <v>5</v>
      </c>
      <c r="M10" s="508">
        <v>0.1</v>
      </c>
      <c r="N10" s="507">
        <v>3</v>
      </c>
      <c r="O10" s="509">
        <v>0.1</v>
      </c>
      <c r="P10" s="507">
        <v>2</v>
      </c>
      <c r="Q10" s="509">
        <v>0</v>
      </c>
      <c r="R10" s="503">
        <v>352</v>
      </c>
      <c r="S10" s="504">
        <v>139</v>
      </c>
      <c r="T10" s="503">
        <v>213</v>
      </c>
      <c r="U10" s="505">
        <v>1417</v>
      </c>
      <c r="V10" s="508">
        <v>5.2</v>
      </c>
      <c r="W10" s="507">
        <v>699</v>
      </c>
      <c r="X10" s="509">
        <v>4.5</v>
      </c>
      <c r="Y10" s="507">
        <v>718</v>
      </c>
      <c r="Z10" s="509">
        <v>6.1</v>
      </c>
      <c r="AA10" s="505">
        <v>1065</v>
      </c>
      <c r="AB10" s="508">
        <v>3.9</v>
      </c>
      <c r="AC10" s="507">
        <v>560</v>
      </c>
      <c r="AD10" s="509">
        <v>3.7</v>
      </c>
      <c r="AE10" s="505">
        <v>505</v>
      </c>
      <c r="AF10" s="508">
        <v>4.3</v>
      </c>
    </row>
    <row r="11" spans="1:35" s="346" customFormat="1" ht="22.5" customHeight="1">
      <c r="A11" s="377">
        <v>23933</v>
      </c>
      <c r="B11" s="380" t="s">
        <v>438</v>
      </c>
      <c r="C11" s="503">
        <v>187</v>
      </c>
      <c r="D11" s="504">
        <v>84</v>
      </c>
      <c r="E11" s="503">
        <v>103</v>
      </c>
      <c r="F11" s="505">
        <v>0</v>
      </c>
      <c r="G11" s="504">
        <v>0</v>
      </c>
      <c r="H11" s="503">
        <v>0</v>
      </c>
      <c r="I11" s="348" t="s">
        <v>72</v>
      </c>
      <c r="J11" s="349" t="s">
        <v>506</v>
      </c>
      <c r="K11" s="349" t="s">
        <v>72</v>
      </c>
      <c r="L11" s="505">
        <v>0</v>
      </c>
      <c r="M11" s="508">
        <v>0</v>
      </c>
      <c r="N11" s="505">
        <v>0</v>
      </c>
      <c r="O11" s="509">
        <v>0</v>
      </c>
      <c r="P11" s="505">
        <v>0</v>
      </c>
      <c r="Q11" s="509">
        <v>0</v>
      </c>
      <c r="R11" s="503">
        <v>187</v>
      </c>
      <c r="S11" s="504">
        <v>84</v>
      </c>
      <c r="T11" s="503">
        <v>103</v>
      </c>
      <c r="U11" s="505">
        <v>888</v>
      </c>
      <c r="V11" s="508">
        <v>3.3</v>
      </c>
      <c r="W11" s="505">
        <v>463</v>
      </c>
      <c r="X11" s="509">
        <v>3</v>
      </c>
      <c r="Y11" s="505">
        <v>425</v>
      </c>
      <c r="Z11" s="509">
        <v>3.6</v>
      </c>
      <c r="AA11" s="505">
        <v>701</v>
      </c>
      <c r="AB11" s="508">
        <v>2.6</v>
      </c>
      <c r="AC11" s="505">
        <v>379</v>
      </c>
      <c r="AD11" s="509">
        <v>2.5</v>
      </c>
      <c r="AE11" s="505">
        <v>322</v>
      </c>
      <c r="AF11" s="508">
        <v>2.8</v>
      </c>
    </row>
    <row r="12" spans="1:35" s="346" customFormat="1" ht="22.5" customHeight="1">
      <c r="A12" s="377">
        <v>27197</v>
      </c>
      <c r="B12" s="380" t="s">
        <v>439</v>
      </c>
      <c r="C12" s="503">
        <v>-32</v>
      </c>
      <c r="D12" s="504">
        <v>-5</v>
      </c>
      <c r="E12" s="503">
        <v>-27</v>
      </c>
      <c r="F12" s="505">
        <v>-5</v>
      </c>
      <c r="G12" s="504">
        <v>-4</v>
      </c>
      <c r="H12" s="503">
        <v>-1</v>
      </c>
      <c r="I12" s="348" t="s">
        <v>506</v>
      </c>
      <c r="J12" s="349" t="s">
        <v>72</v>
      </c>
      <c r="K12" s="349" t="s">
        <v>72</v>
      </c>
      <c r="L12" s="505">
        <v>5</v>
      </c>
      <c r="M12" s="508">
        <v>0.1</v>
      </c>
      <c r="N12" s="505">
        <v>4</v>
      </c>
      <c r="O12" s="509">
        <v>0.1</v>
      </c>
      <c r="P12" s="505">
        <v>1</v>
      </c>
      <c r="Q12" s="509">
        <v>0</v>
      </c>
      <c r="R12" s="503">
        <v>-27</v>
      </c>
      <c r="S12" s="504">
        <v>-1</v>
      </c>
      <c r="T12" s="503">
        <v>-26</v>
      </c>
      <c r="U12" s="505">
        <v>454</v>
      </c>
      <c r="V12" s="508">
        <v>1.7</v>
      </c>
      <c r="W12" s="505">
        <v>236</v>
      </c>
      <c r="X12" s="509">
        <v>1.5</v>
      </c>
      <c r="Y12" s="505">
        <v>218</v>
      </c>
      <c r="Z12" s="509">
        <v>1.9</v>
      </c>
      <c r="AA12" s="505">
        <v>481</v>
      </c>
      <c r="AB12" s="508">
        <v>1.8</v>
      </c>
      <c r="AC12" s="505">
        <v>237</v>
      </c>
      <c r="AD12" s="509">
        <v>1.5</v>
      </c>
      <c r="AE12" s="505">
        <v>244</v>
      </c>
      <c r="AF12" s="508">
        <v>2.1</v>
      </c>
    </row>
    <row r="13" spans="1:35" s="346" customFormat="1" ht="22.5" customHeight="1">
      <c r="A13" s="377">
        <v>31387</v>
      </c>
      <c r="B13" s="380" t="s">
        <v>440</v>
      </c>
      <c r="C13" s="503">
        <v>483</v>
      </c>
      <c r="D13" s="504">
        <v>421</v>
      </c>
      <c r="E13" s="503">
        <v>62</v>
      </c>
      <c r="F13" s="505">
        <v>-7</v>
      </c>
      <c r="G13" s="504">
        <v>-4</v>
      </c>
      <c r="H13" s="503">
        <v>-3</v>
      </c>
      <c r="I13" s="348" t="s">
        <v>72</v>
      </c>
      <c r="J13" s="349" t="s">
        <v>72</v>
      </c>
      <c r="K13" s="349" t="s">
        <v>72</v>
      </c>
      <c r="L13" s="505">
        <v>7</v>
      </c>
      <c r="M13" s="508">
        <v>0.1</v>
      </c>
      <c r="N13" s="505">
        <v>4</v>
      </c>
      <c r="O13" s="509">
        <v>0.1</v>
      </c>
      <c r="P13" s="505">
        <v>3</v>
      </c>
      <c r="Q13" s="509">
        <v>0.1</v>
      </c>
      <c r="R13" s="503">
        <v>490</v>
      </c>
      <c r="S13" s="504">
        <v>425</v>
      </c>
      <c r="T13" s="503">
        <v>65</v>
      </c>
      <c r="U13" s="505">
        <v>2598</v>
      </c>
      <c r="V13" s="508">
        <v>9.6</v>
      </c>
      <c r="W13" s="505">
        <v>2027</v>
      </c>
      <c r="X13" s="509">
        <v>13.2</v>
      </c>
      <c r="Y13" s="505">
        <v>571</v>
      </c>
      <c r="Z13" s="509">
        <v>4.8</v>
      </c>
      <c r="AA13" s="505">
        <v>2108</v>
      </c>
      <c r="AB13" s="508">
        <v>7.8</v>
      </c>
      <c r="AC13" s="505">
        <v>1602</v>
      </c>
      <c r="AD13" s="509">
        <v>10.5</v>
      </c>
      <c r="AE13" s="505">
        <v>506</v>
      </c>
      <c r="AF13" s="508">
        <v>4.3</v>
      </c>
    </row>
    <row r="14" spans="1:35" s="346" customFormat="1" ht="22.5" customHeight="1">
      <c r="A14" s="355">
        <v>31334</v>
      </c>
      <c r="B14" s="381" t="s">
        <v>441</v>
      </c>
      <c r="C14" s="510">
        <v>-1312</v>
      </c>
      <c r="D14" s="511">
        <v>-853</v>
      </c>
      <c r="E14" s="510">
        <v>-459</v>
      </c>
      <c r="F14" s="512">
        <v>-11</v>
      </c>
      <c r="G14" s="511">
        <v>-9</v>
      </c>
      <c r="H14" s="510">
        <v>-2</v>
      </c>
      <c r="I14" s="513" t="s">
        <v>72</v>
      </c>
      <c r="J14" s="514" t="s">
        <v>72</v>
      </c>
      <c r="K14" s="514" t="s">
        <v>72</v>
      </c>
      <c r="L14" s="505">
        <v>11</v>
      </c>
      <c r="M14" s="515">
        <v>0.1</v>
      </c>
      <c r="N14" s="512">
        <v>9</v>
      </c>
      <c r="O14" s="516">
        <v>0.2</v>
      </c>
      <c r="P14" s="512">
        <v>2</v>
      </c>
      <c r="Q14" s="516">
        <v>0</v>
      </c>
      <c r="R14" s="517">
        <v>-1301</v>
      </c>
      <c r="S14" s="511">
        <v>-844</v>
      </c>
      <c r="T14" s="510">
        <v>-457</v>
      </c>
      <c r="U14" s="512">
        <v>4002</v>
      </c>
      <c r="V14" s="515">
        <v>14.7</v>
      </c>
      <c r="W14" s="512">
        <v>2447</v>
      </c>
      <c r="X14" s="516">
        <v>15.9</v>
      </c>
      <c r="Y14" s="512">
        <v>1555</v>
      </c>
      <c r="Z14" s="516">
        <v>13.2</v>
      </c>
      <c r="AA14" s="512">
        <v>5303</v>
      </c>
      <c r="AB14" s="515">
        <v>19.600000000000001</v>
      </c>
      <c r="AC14" s="512">
        <v>3291</v>
      </c>
      <c r="AD14" s="516">
        <v>21.5</v>
      </c>
      <c r="AE14" s="512">
        <v>2012</v>
      </c>
      <c r="AF14" s="515">
        <v>17.2</v>
      </c>
    </row>
    <row r="15" spans="1:35" s="346" customFormat="1" ht="22.5" customHeight="1">
      <c r="A15" s="377">
        <v>25909</v>
      </c>
      <c r="B15" s="380" t="s">
        <v>442</v>
      </c>
      <c r="C15" s="503">
        <v>-614</v>
      </c>
      <c r="D15" s="504">
        <v>-237</v>
      </c>
      <c r="E15" s="503">
        <v>-377</v>
      </c>
      <c r="F15" s="505">
        <v>-12</v>
      </c>
      <c r="G15" s="504">
        <v>-6</v>
      </c>
      <c r="H15" s="503">
        <v>-6</v>
      </c>
      <c r="I15" s="348" t="s">
        <v>72</v>
      </c>
      <c r="J15" s="349" t="s">
        <v>72</v>
      </c>
      <c r="K15" s="349" t="s">
        <v>72</v>
      </c>
      <c r="L15" s="507">
        <v>12</v>
      </c>
      <c r="M15" s="508">
        <v>0.1</v>
      </c>
      <c r="N15" s="505">
        <v>6</v>
      </c>
      <c r="O15" s="509">
        <v>0.1</v>
      </c>
      <c r="P15" s="505">
        <v>6</v>
      </c>
      <c r="Q15" s="509">
        <v>0.1</v>
      </c>
      <c r="R15" s="503">
        <v>-602</v>
      </c>
      <c r="S15" s="504">
        <v>-231</v>
      </c>
      <c r="T15" s="503">
        <v>-371</v>
      </c>
      <c r="U15" s="505">
        <v>4132</v>
      </c>
      <c r="V15" s="508">
        <v>15.2</v>
      </c>
      <c r="W15" s="505">
        <v>2312</v>
      </c>
      <c r="X15" s="509">
        <v>15</v>
      </c>
      <c r="Y15" s="505">
        <v>1820</v>
      </c>
      <c r="Z15" s="509">
        <v>15.4</v>
      </c>
      <c r="AA15" s="505">
        <v>4734</v>
      </c>
      <c r="AB15" s="508">
        <v>17.5</v>
      </c>
      <c r="AC15" s="505">
        <v>2543</v>
      </c>
      <c r="AD15" s="509">
        <v>16.600000000000001</v>
      </c>
      <c r="AE15" s="505">
        <v>2191</v>
      </c>
      <c r="AF15" s="508">
        <v>18.7</v>
      </c>
    </row>
    <row r="16" spans="1:35" s="346" customFormat="1" ht="22.5" customHeight="1">
      <c r="A16" s="377">
        <v>26851</v>
      </c>
      <c r="B16" s="380" t="s">
        <v>443</v>
      </c>
      <c r="C16" s="503">
        <v>-63</v>
      </c>
      <c r="D16" s="504">
        <v>-74</v>
      </c>
      <c r="E16" s="503">
        <v>11</v>
      </c>
      <c r="F16" s="505">
        <v>-14</v>
      </c>
      <c r="G16" s="504">
        <v>-10</v>
      </c>
      <c r="H16" s="503">
        <v>-4</v>
      </c>
      <c r="I16" s="348" t="s">
        <v>72</v>
      </c>
      <c r="J16" s="349" t="s">
        <v>72</v>
      </c>
      <c r="K16" s="349" t="s">
        <v>72</v>
      </c>
      <c r="L16" s="505">
        <v>14</v>
      </c>
      <c r="M16" s="508">
        <v>0.1</v>
      </c>
      <c r="N16" s="505">
        <v>10</v>
      </c>
      <c r="O16" s="509">
        <v>0.2</v>
      </c>
      <c r="P16" s="505">
        <v>4</v>
      </c>
      <c r="Q16" s="509">
        <v>0.1</v>
      </c>
      <c r="R16" s="503">
        <v>-49</v>
      </c>
      <c r="S16" s="504">
        <v>-64</v>
      </c>
      <c r="T16" s="503">
        <v>15</v>
      </c>
      <c r="U16" s="505">
        <v>3036</v>
      </c>
      <c r="V16" s="508">
        <v>11.2</v>
      </c>
      <c r="W16" s="505">
        <v>1642</v>
      </c>
      <c r="X16" s="509">
        <v>10.7</v>
      </c>
      <c r="Y16" s="505">
        <v>1394</v>
      </c>
      <c r="Z16" s="509">
        <v>11.8</v>
      </c>
      <c r="AA16" s="505">
        <v>3085</v>
      </c>
      <c r="AB16" s="508">
        <v>11.4</v>
      </c>
      <c r="AC16" s="505">
        <v>1706</v>
      </c>
      <c r="AD16" s="509">
        <v>11.1</v>
      </c>
      <c r="AE16" s="505">
        <v>1379</v>
      </c>
      <c r="AF16" s="508">
        <v>11.8</v>
      </c>
    </row>
    <row r="17" spans="1:32" s="346" customFormat="1" ht="22.5" customHeight="1">
      <c r="A17" s="377">
        <v>32495</v>
      </c>
      <c r="B17" s="380" t="s">
        <v>444</v>
      </c>
      <c r="C17" s="503">
        <v>352</v>
      </c>
      <c r="D17" s="504">
        <v>127</v>
      </c>
      <c r="E17" s="503">
        <v>225</v>
      </c>
      <c r="F17" s="505">
        <v>-19</v>
      </c>
      <c r="G17" s="504">
        <v>-15</v>
      </c>
      <c r="H17" s="503">
        <v>-4</v>
      </c>
      <c r="I17" s="348" t="s">
        <v>72</v>
      </c>
      <c r="J17" s="349" t="s">
        <v>72</v>
      </c>
      <c r="K17" s="349" t="s">
        <v>72</v>
      </c>
      <c r="L17" s="505">
        <v>19</v>
      </c>
      <c r="M17" s="508">
        <v>0.2</v>
      </c>
      <c r="N17" s="505">
        <v>15</v>
      </c>
      <c r="O17" s="509">
        <v>0.3</v>
      </c>
      <c r="P17" s="505">
        <v>4</v>
      </c>
      <c r="Q17" s="509">
        <v>0.1</v>
      </c>
      <c r="R17" s="503">
        <v>371</v>
      </c>
      <c r="S17" s="504">
        <v>142</v>
      </c>
      <c r="T17" s="503">
        <v>229</v>
      </c>
      <c r="U17" s="505">
        <v>2300</v>
      </c>
      <c r="V17" s="508">
        <v>8.5</v>
      </c>
      <c r="W17" s="505">
        <v>1193</v>
      </c>
      <c r="X17" s="509">
        <v>7.8</v>
      </c>
      <c r="Y17" s="505">
        <v>1107</v>
      </c>
      <c r="Z17" s="509">
        <v>9.4</v>
      </c>
      <c r="AA17" s="505">
        <v>1929</v>
      </c>
      <c r="AB17" s="508">
        <v>7.1</v>
      </c>
      <c r="AC17" s="505">
        <v>1051</v>
      </c>
      <c r="AD17" s="509">
        <v>6.9</v>
      </c>
      <c r="AE17" s="505">
        <v>878</v>
      </c>
      <c r="AF17" s="508">
        <v>7.5</v>
      </c>
    </row>
    <row r="18" spans="1:32" s="346" customFormat="1" ht="22.5" customHeight="1">
      <c r="A18" s="377">
        <v>39336</v>
      </c>
      <c r="B18" s="380" t="s">
        <v>445</v>
      </c>
      <c r="C18" s="503">
        <v>134</v>
      </c>
      <c r="D18" s="504">
        <v>23</v>
      </c>
      <c r="E18" s="503">
        <v>111</v>
      </c>
      <c r="F18" s="505">
        <v>-43</v>
      </c>
      <c r="G18" s="504">
        <v>-27</v>
      </c>
      <c r="H18" s="503">
        <v>-16</v>
      </c>
      <c r="I18" s="348" t="s">
        <v>72</v>
      </c>
      <c r="J18" s="349" t="s">
        <v>72</v>
      </c>
      <c r="K18" s="349" t="s">
        <v>72</v>
      </c>
      <c r="L18" s="505">
        <v>43</v>
      </c>
      <c r="M18" s="508">
        <v>0.4</v>
      </c>
      <c r="N18" s="505">
        <v>27</v>
      </c>
      <c r="O18" s="509">
        <v>0.5</v>
      </c>
      <c r="P18" s="505">
        <v>16</v>
      </c>
      <c r="Q18" s="509">
        <v>0.3</v>
      </c>
      <c r="R18" s="503">
        <v>177</v>
      </c>
      <c r="S18" s="504">
        <v>50</v>
      </c>
      <c r="T18" s="503">
        <v>127</v>
      </c>
      <c r="U18" s="505">
        <v>1752</v>
      </c>
      <c r="V18" s="508">
        <v>6.5</v>
      </c>
      <c r="W18" s="505">
        <v>941</v>
      </c>
      <c r="X18" s="509">
        <v>6.1</v>
      </c>
      <c r="Y18" s="505">
        <v>811</v>
      </c>
      <c r="Z18" s="509">
        <v>6.9</v>
      </c>
      <c r="AA18" s="505">
        <v>1575</v>
      </c>
      <c r="AB18" s="508">
        <v>5.8</v>
      </c>
      <c r="AC18" s="505">
        <v>891</v>
      </c>
      <c r="AD18" s="509">
        <v>5.8</v>
      </c>
      <c r="AE18" s="505">
        <v>684</v>
      </c>
      <c r="AF18" s="508">
        <v>5.8</v>
      </c>
    </row>
    <row r="19" spans="1:32" s="346" customFormat="1" ht="22.5" customHeight="1">
      <c r="A19" s="355">
        <v>51592</v>
      </c>
      <c r="B19" s="381" t="s">
        <v>446</v>
      </c>
      <c r="C19" s="510">
        <v>150</v>
      </c>
      <c r="D19" s="511">
        <v>108</v>
      </c>
      <c r="E19" s="510">
        <v>42</v>
      </c>
      <c r="F19" s="512">
        <v>-74</v>
      </c>
      <c r="G19" s="511">
        <v>-51</v>
      </c>
      <c r="H19" s="510">
        <v>-23</v>
      </c>
      <c r="I19" s="513" t="s">
        <v>72</v>
      </c>
      <c r="J19" s="514" t="s">
        <v>72</v>
      </c>
      <c r="K19" s="514" t="s">
        <v>72</v>
      </c>
      <c r="L19" s="505">
        <v>74</v>
      </c>
      <c r="M19" s="515">
        <v>0.8</v>
      </c>
      <c r="N19" s="512">
        <v>51</v>
      </c>
      <c r="O19" s="516">
        <v>1</v>
      </c>
      <c r="P19" s="512">
        <v>23</v>
      </c>
      <c r="Q19" s="516">
        <v>0.5</v>
      </c>
      <c r="R19" s="510">
        <v>224</v>
      </c>
      <c r="S19" s="511">
        <v>159</v>
      </c>
      <c r="T19" s="510">
        <v>65</v>
      </c>
      <c r="U19" s="512">
        <v>1505</v>
      </c>
      <c r="V19" s="515">
        <v>5.5</v>
      </c>
      <c r="W19" s="512">
        <v>857</v>
      </c>
      <c r="X19" s="516">
        <v>5.6</v>
      </c>
      <c r="Y19" s="512">
        <v>648</v>
      </c>
      <c r="Z19" s="516">
        <v>5.5</v>
      </c>
      <c r="AA19" s="512">
        <v>1281</v>
      </c>
      <c r="AB19" s="515">
        <v>4.7</v>
      </c>
      <c r="AC19" s="512">
        <v>698</v>
      </c>
      <c r="AD19" s="516">
        <v>4.5999999999999996</v>
      </c>
      <c r="AE19" s="512">
        <v>583</v>
      </c>
      <c r="AF19" s="515">
        <v>5</v>
      </c>
    </row>
    <row r="20" spans="1:32" s="346" customFormat="1" ht="22.5" customHeight="1">
      <c r="A20" s="377">
        <v>56963</v>
      </c>
      <c r="B20" s="380" t="s">
        <v>447</v>
      </c>
      <c r="C20" s="503">
        <v>-8</v>
      </c>
      <c r="D20" s="504">
        <v>-45</v>
      </c>
      <c r="E20" s="503">
        <v>37</v>
      </c>
      <c r="F20" s="505">
        <v>-133</v>
      </c>
      <c r="G20" s="504">
        <v>-81</v>
      </c>
      <c r="H20" s="503">
        <v>-52</v>
      </c>
      <c r="I20" s="348" t="s">
        <v>72</v>
      </c>
      <c r="J20" s="349" t="s">
        <v>72</v>
      </c>
      <c r="K20" s="349" t="s">
        <v>72</v>
      </c>
      <c r="L20" s="507">
        <v>133</v>
      </c>
      <c r="M20" s="508">
        <v>1.4</v>
      </c>
      <c r="N20" s="505">
        <v>81</v>
      </c>
      <c r="O20" s="509">
        <v>1.6</v>
      </c>
      <c r="P20" s="505">
        <v>52</v>
      </c>
      <c r="Q20" s="509">
        <v>1.1000000000000001</v>
      </c>
      <c r="R20" s="503">
        <v>125</v>
      </c>
      <c r="S20" s="504">
        <v>36</v>
      </c>
      <c r="T20" s="503">
        <v>89</v>
      </c>
      <c r="U20" s="505">
        <v>1323</v>
      </c>
      <c r="V20" s="508">
        <v>4.9000000000000004</v>
      </c>
      <c r="W20" s="505">
        <v>735</v>
      </c>
      <c r="X20" s="509">
        <v>4.8</v>
      </c>
      <c r="Y20" s="505">
        <v>588</v>
      </c>
      <c r="Z20" s="509">
        <v>5</v>
      </c>
      <c r="AA20" s="505">
        <v>1198</v>
      </c>
      <c r="AB20" s="508">
        <v>4.4000000000000004</v>
      </c>
      <c r="AC20" s="505">
        <v>699</v>
      </c>
      <c r="AD20" s="509">
        <v>4.5999999999999996</v>
      </c>
      <c r="AE20" s="505">
        <v>499</v>
      </c>
      <c r="AF20" s="508">
        <v>4.3</v>
      </c>
    </row>
    <row r="21" spans="1:32" s="346" customFormat="1" ht="22.5" customHeight="1">
      <c r="A21" s="377">
        <v>47972</v>
      </c>
      <c r="B21" s="380" t="s">
        <v>448</v>
      </c>
      <c r="C21" s="503">
        <v>-47</v>
      </c>
      <c r="D21" s="504">
        <v>-54</v>
      </c>
      <c r="E21" s="503">
        <v>7</v>
      </c>
      <c r="F21" s="505">
        <v>-160</v>
      </c>
      <c r="G21" s="504">
        <v>-105</v>
      </c>
      <c r="H21" s="503">
        <v>-55</v>
      </c>
      <c r="I21" s="348" t="s">
        <v>72</v>
      </c>
      <c r="J21" s="349" t="s">
        <v>72</v>
      </c>
      <c r="K21" s="349" t="s">
        <v>72</v>
      </c>
      <c r="L21" s="505">
        <v>160</v>
      </c>
      <c r="M21" s="508">
        <v>1.7</v>
      </c>
      <c r="N21" s="505">
        <v>105</v>
      </c>
      <c r="O21" s="509">
        <v>2.1</v>
      </c>
      <c r="P21" s="505">
        <v>55</v>
      </c>
      <c r="Q21" s="509">
        <v>1.2</v>
      </c>
      <c r="R21" s="503">
        <v>113</v>
      </c>
      <c r="S21" s="504">
        <v>51</v>
      </c>
      <c r="T21" s="503">
        <v>62</v>
      </c>
      <c r="U21" s="505">
        <v>996</v>
      </c>
      <c r="V21" s="508">
        <v>3.7</v>
      </c>
      <c r="W21" s="505">
        <v>541</v>
      </c>
      <c r="X21" s="509">
        <v>3.5</v>
      </c>
      <c r="Y21" s="505">
        <v>455</v>
      </c>
      <c r="Z21" s="509">
        <v>3.9</v>
      </c>
      <c r="AA21" s="505">
        <v>883</v>
      </c>
      <c r="AB21" s="508">
        <v>3.3</v>
      </c>
      <c r="AC21" s="505">
        <v>490</v>
      </c>
      <c r="AD21" s="509">
        <v>3.2</v>
      </c>
      <c r="AE21" s="505">
        <v>393</v>
      </c>
      <c r="AF21" s="508">
        <v>3.4</v>
      </c>
    </row>
    <row r="22" spans="1:32" s="346" customFormat="1" ht="22.5" customHeight="1">
      <c r="A22" s="377">
        <v>41382</v>
      </c>
      <c r="B22" s="380" t="s">
        <v>449</v>
      </c>
      <c r="C22" s="503">
        <v>-70</v>
      </c>
      <c r="D22" s="504">
        <v>-30</v>
      </c>
      <c r="E22" s="503">
        <v>-40</v>
      </c>
      <c r="F22" s="505">
        <v>-219</v>
      </c>
      <c r="G22" s="504">
        <v>-136</v>
      </c>
      <c r="H22" s="503">
        <v>-83</v>
      </c>
      <c r="I22" s="348" t="s">
        <v>72</v>
      </c>
      <c r="J22" s="349" t="s">
        <v>72</v>
      </c>
      <c r="K22" s="349" t="s">
        <v>72</v>
      </c>
      <c r="L22" s="505">
        <v>219</v>
      </c>
      <c r="M22" s="508">
        <v>2.2999999999999998</v>
      </c>
      <c r="N22" s="505">
        <v>136</v>
      </c>
      <c r="O22" s="509">
        <v>2.7</v>
      </c>
      <c r="P22" s="505">
        <v>83</v>
      </c>
      <c r="Q22" s="509">
        <v>1.8</v>
      </c>
      <c r="R22" s="503">
        <v>149</v>
      </c>
      <c r="S22" s="504">
        <v>106</v>
      </c>
      <c r="T22" s="503">
        <v>43</v>
      </c>
      <c r="U22" s="505">
        <v>704</v>
      </c>
      <c r="V22" s="508">
        <v>2.6</v>
      </c>
      <c r="W22" s="505">
        <v>417</v>
      </c>
      <c r="X22" s="509">
        <v>2.7</v>
      </c>
      <c r="Y22" s="505">
        <v>287</v>
      </c>
      <c r="Z22" s="509">
        <v>2.4</v>
      </c>
      <c r="AA22" s="505">
        <v>555</v>
      </c>
      <c r="AB22" s="508">
        <v>2.1</v>
      </c>
      <c r="AC22" s="505">
        <v>311</v>
      </c>
      <c r="AD22" s="509">
        <v>2</v>
      </c>
      <c r="AE22" s="505">
        <v>244</v>
      </c>
      <c r="AF22" s="508">
        <v>2.1</v>
      </c>
    </row>
    <row r="23" spans="1:32" s="346" customFormat="1" ht="22.5" customHeight="1">
      <c r="A23" s="377">
        <v>39321</v>
      </c>
      <c r="B23" s="380" t="s">
        <v>450</v>
      </c>
      <c r="C23" s="503">
        <v>-334</v>
      </c>
      <c r="D23" s="504">
        <v>-218</v>
      </c>
      <c r="E23" s="503">
        <v>-116</v>
      </c>
      <c r="F23" s="505">
        <v>-351</v>
      </c>
      <c r="G23" s="504">
        <v>-240</v>
      </c>
      <c r="H23" s="503">
        <v>-111</v>
      </c>
      <c r="I23" s="348" t="s">
        <v>72</v>
      </c>
      <c r="J23" s="349" t="s">
        <v>72</v>
      </c>
      <c r="K23" s="349" t="s">
        <v>72</v>
      </c>
      <c r="L23" s="505">
        <v>351</v>
      </c>
      <c r="M23" s="508">
        <v>3.6</v>
      </c>
      <c r="N23" s="505">
        <v>240</v>
      </c>
      <c r="O23" s="509">
        <v>4.8</v>
      </c>
      <c r="P23" s="505">
        <v>111</v>
      </c>
      <c r="Q23" s="509">
        <v>2.4</v>
      </c>
      <c r="R23" s="503">
        <v>17</v>
      </c>
      <c r="S23" s="504">
        <v>22</v>
      </c>
      <c r="T23" s="503">
        <v>-5</v>
      </c>
      <c r="U23" s="505">
        <v>447</v>
      </c>
      <c r="V23" s="508">
        <v>1.6</v>
      </c>
      <c r="W23" s="505">
        <v>246</v>
      </c>
      <c r="X23" s="509">
        <v>1.6</v>
      </c>
      <c r="Y23" s="505">
        <v>201</v>
      </c>
      <c r="Z23" s="509">
        <v>1.7</v>
      </c>
      <c r="AA23" s="505">
        <v>430</v>
      </c>
      <c r="AB23" s="508">
        <v>1.6</v>
      </c>
      <c r="AC23" s="505">
        <v>224</v>
      </c>
      <c r="AD23" s="509">
        <v>1.5</v>
      </c>
      <c r="AE23" s="505">
        <v>206</v>
      </c>
      <c r="AF23" s="508">
        <v>1.8</v>
      </c>
    </row>
    <row r="24" spans="1:32" s="346" customFormat="1" ht="22.5" customHeight="1">
      <c r="A24" s="355">
        <v>52689</v>
      </c>
      <c r="B24" s="380" t="s">
        <v>451</v>
      </c>
      <c r="C24" s="510">
        <v>-776</v>
      </c>
      <c r="D24" s="511">
        <v>-517</v>
      </c>
      <c r="E24" s="510">
        <v>-259</v>
      </c>
      <c r="F24" s="512">
        <v>-747</v>
      </c>
      <c r="G24" s="511">
        <v>-517</v>
      </c>
      <c r="H24" s="510">
        <v>-230</v>
      </c>
      <c r="I24" s="513" t="s">
        <v>72</v>
      </c>
      <c r="J24" s="514" t="s">
        <v>72</v>
      </c>
      <c r="K24" s="514" t="s">
        <v>72</v>
      </c>
      <c r="L24" s="512">
        <v>747</v>
      </c>
      <c r="M24" s="515">
        <v>7.7</v>
      </c>
      <c r="N24" s="512">
        <v>517</v>
      </c>
      <c r="O24" s="516">
        <v>10.4</v>
      </c>
      <c r="P24" s="512">
        <v>230</v>
      </c>
      <c r="Q24" s="516">
        <v>4.9000000000000004</v>
      </c>
      <c r="R24" s="510">
        <v>-29</v>
      </c>
      <c r="S24" s="511">
        <v>0</v>
      </c>
      <c r="T24" s="510">
        <v>-29</v>
      </c>
      <c r="U24" s="512">
        <v>426</v>
      </c>
      <c r="V24" s="515">
        <v>1.6</v>
      </c>
      <c r="W24" s="512">
        <v>214</v>
      </c>
      <c r="X24" s="516">
        <v>1.4</v>
      </c>
      <c r="Y24" s="512">
        <v>212</v>
      </c>
      <c r="Z24" s="516">
        <v>1.8</v>
      </c>
      <c r="AA24" s="512">
        <v>455</v>
      </c>
      <c r="AB24" s="515">
        <v>1.7</v>
      </c>
      <c r="AC24" s="512">
        <v>214</v>
      </c>
      <c r="AD24" s="516">
        <v>1.4</v>
      </c>
      <c r="AE24" s="512">
        <v>241</v>
      </c>
      <c r="AF24" s="515">
        <v>2.1</v>
      </c>
    </row>
    <row r="25" spans="1:32" s="346" customFormat="1" ht="22.5" customHeight="1">
      <c r="A25" s="377">
        <v>47118</v>
      </c>
      <c r="B25" s="518" t="s">
        <v>452</v>
      </c>
      <c r="C25" s="503">
        <v>-1068</v>
      </c>
      <c r="D25" s="504">
        <v>-682</v>
      </c>
      <c r="E25" s="503">
        <v>-386</v>
      </c>
      <c r="F25" s="505">
        <v>-1048</v>
      </c>
      <c r="G25" s="504">
        <v>-670</v>
      </c>
      <c r="H25" s="503">
        <v>-378</v>
      </c>
      <c r="I25" s="348" t="s">
        <v>72</v>
      </c>
      <c r="J25" s="349" t="s">
        <v>72</v>
      </c>
      <c r="K25" s="349" t="s">
        <v>72</v>
      </c>
      <c r="L25" s="507">
        <v>1048</v>
      </c>
      <c r="M25" s="508">
        <v>10.8</v>
      </c>
      <c r="N25" s="505">
        <v>670</v>
      </c>
      <c r="O25" s="509">
        <v>13.4</v>
      </c>
      <c r="P25" s="505">
        <v>378</v>
      </c>
      <c r="Q25" s="509">
        <v>8</v>
      </c>
      <c r="R25" s="503">
        <v>-20</v>
      </c>
      <c r="S25" s="504">
        <v>-12</v>
      </c>
      <c r="T25" s="503">
        <v>-8</v>
      </c>
      <c r="U25" s="505">
        <v>353</v>
      </c>
      <c r="V25" s="508">
        <v>1.3</v>
      </c>
      <c r="W25" s="505">
        <v>155</v>
      </c>
      <c r="X25" s="509">
        <v>1</v>
      </c>
      <c r="Y25" s="505">
        <v>198</v>
      </c>
      <c r="Z25" s="509">
        <v>1.7</v>
      </c>
      <c r="AA25" s="505">
        <v>373</v>
      </c>
      <c r="AB25" s="508">
        <v>1.4</v>
      </c>
      <c r="AC25" s="505">
        <v>167</v>
      </c>
      <c r="AD25" s="509">
        <v>1.1000000000000001</v>
      </c>
      <c r="AE25" s="505">
        <v>206</v>
      </c>
      <c r="AF25" s="508">
        <v>1.8</v>
      </c>
    </row>
    <row r="26" spans="1:32" s="346" customFormat="1" ht="22.5" customHeight="1">
      <c r="A26" s="377">
        <v>38792</v>
      </c>
      <c r="B26" s="380" t="s">
        <v>453</v>
      </c>
      <c r="C26" s="503">
        <v>-1572</v>
      </c>
      <c r="D26" s="504">
        <v>-887</v>
      </c>
      <c r="E26" s="503">
        <v>-685</v>
      </c>
      <c r="F26" s="505">
        <v>-1536</v>
      </c>
      <c r="G26" s="504">
        <v>-891</v>
      </c>
      <c r="H26" s="503">
        <v>-645</v>
      </c>
      <c r="I26" s="348" t="s">
        <v>72</v>
      </c>
      <c r="J26" s="349" t="s">
        <v>72</v>
      </c>
      <c r="K26" s="349" t="s">
        <v>72</v>
      </c>
      <c r="L26" s="505">
        <v>1536</v>
      </c>
      <c r="M26" s="508">
        <v>15.9</v>
      </c>
      <c r="N26" s="505">
        <v>891</v>
      </c>
      <c r="O26" s="509">
        <v>17.899999999999999</v>
      </c>
      <c r="P26" s="505">
        <v>645</v>
      </c>
      <c r="Q26" s="509">
        <v>13.7</v>
      </c>
      <c r="R26" s="503">
        <v>-36</v>
      </c>
      <c r="S26" s="504">
        <v>4</v>
      </c>
      <c r="T26" s="503">
        <v>-40</v>
      </c>
      <c r="U26" s="505">
        <v>310</v>
      </c>
      <c r="V26" s="508">
        <v>1.1000000000000001</v>
      </c>
      <c r="W26" s="505">
        <v>127</v>
      </c>
      <c r="X26" s="509">
        <v>0.8</v>
      </c>
      <c r="Y26" s="505">
        <v>183</v>
      </c>
      <c r="Z26" s="509">
        <v>1.6</v>
      </c>
      <c r="AA26" s="505">
        <v>346</v>
      </c>
      <c r="AB26" s="508">
        <v>1.3</v>
      </c>
      <c r="AC26" s="505">
        <v>123</v>
      </c>
      <c r="AD26" s="509">
        <v>0.8</v>
      </c>
      <c r="AE26" s="505">
        <v>223</v>
      </c>
      <c r="AF26" s="508">
        <v>1.9</v>
      </c>
    </row>
    <row r="27" spans="1:32" s="346" customFormat="1" ht="22.5" customHeight="1">
      <c r="A27" s="377">
        <v>26205</v>
      </c>
      <c r="B27" s="380" t="s">
        <v>454</v>
      </c>
      <c r="C27" s="503">
        <v>-2116</v>
      </c>
      <c r="D27" s="504">
        <v>-1111</v>
      </c>
      <c r="E27" s="503">
        <v>-1005</v>
      </c>
      <c r="F27" s="505">
        <v>-2107</v>
      </c>
      <c r="G27" s="504">
        <v>-1102</v>
      </c>
      <c r="H27" s="503">
        <v>-1005</v>
      </c>
      <c r="I27" s="348" t="s">
        <v>72</v>
      </c>
      <c r="J27" s="349" t="s">
        <v>72</v>
      </c>
      <c r="K27" s="349" t="s">
        <v>72</v>
      </c>
      <c r="L27" s="505">
        <v>2107</v>
      </c>
      <c r="M27" s="508">
        <v>21.8</v>
      </c>
      <c r="N27" s="505">
        <v>1102</v>
      </c>
      <c r="O27" s="509">
        <v>22.1</v>
      </c>
      <c r="P27" s="505">
        <v>1005</v>
      </c>
      <c r="Q27" s="509">
        <v>21.4</v>
      </c>
      <c r="R27" s="503">
        <v>-9</v>
      </c>
      <c r="S27" s="504">
        <v>-9</v>
      </c>
      <c r="T27" s="503">
        <v>0</v>
      </c>
      <c r="U27" s="505">
        <v>297</v>
      </c>
      <c r="V27" s="508">
        <v>1.1000000000000001</v>
      </c>
      <c r="W27" s="505">
        <v>73</v>
      </c>
      <c r="X27" s="509">
        <v>0.5</v>
      </c>
      <c r="Y27" s="505">
        <v>224</v>
      </c>
      <c r="Z27" s="509">
        <v>1.9</v>
      </c>
      <c r="AA27" s="505">
        <v>306</v>
      </c>
      <c r="AB27" s="508">
        <v>1.1000000000000001</v>
      </c>
      <c r="AC27" s="505">
        <v>82</v>
      </c>
      <c r="AD27" s="509">
        <v>0.5</v>
      </c>
      <c r="AE27" s="505">
        <v>224</v>
      </c>
      <c r="AF27" s="508">
        <v>1.9</v>
      </c>
    </row>
    <row r="28" spans="1:32" s="346" customFormat="1" ht="22.5" customHeight="1">
      <c r="A28" s="377">
        <v>12568</v>
      </c>
      <c r="B28" s="380" t="s">
        <v>455</v>
      </c>
      <c r="C28" s="503">
        <v>-1901</v>
      </c>
      <c r="D28" s="504">
        <v>-794</v>
      </c>
      <c r="E28" s="503">
        <v>-1107</v>
      </c>
      <c r="F28" s="505">
        <v>-1906</v>
      </c>
      <c r="G28" s="504">
        <v>-787</v>
      </c>
      <c r="H28" s="503">
        <v>-1119</v>
      </c>
      <c r="I28" s="348" t="s">
        <v>72</v>
      </c>
      <c r="J28" s="349" t="s">
        <v>72</v>
      </c>
      <c r="K28" s="349" t="s">
        <v>72</v>
      </c>
      <c r="L28" s="505">
        <v>1906</v>
      </c>
      <c r="M28" s="508">
        <v>19.7</v>
      </c>
      <c r="N28" s="505">
        <v>787</v>
      </c>
      <c r="O28" s="509">
        <v>15.8</v>
      </c>
      <c r="P28" s="505">
        <v>1119</v>
      </c>
      <c r="Q28" s="509">
        <v>23.8</v>
      </c>
      <c r="R28" s="503">
        <v>5</v>
      </c>
      <c r="S28" s="504">
        <v>-7</v>
      </c>
      <c r="T28" s="503">
        <v>12</v>
      </c>
      <c r="U28" s="505">
        <v>174</v>
      </c>
      <c r="V28" s="508">
        <v>0.6</v>
      </c>
      <c r="W28" s="505">
        <v>41</v>
      </c>
      <c r="X28" s="509">
        <v>0.3</v>
      </c>
      <c r="Y28" s="505">
        <v>133</v>
      </c>
      <c r="Z28" s="509">
        <v>1.1000000000000001</v>
      </c>
      <c r="AA28" s="505">
        <v>169</v>
      </c>
      <c r="AB28" s="508">
        <v>0.6</v>
      </c>
      <c r="AC28" s="505">
        <v>48</v>
      </c>
      <c r="AD28" s="509">
        <v>0.3</v>
      </c>
      <c r="AE28" s="505">
        <v>121</v>
      </c>
      <c r="AF28" s="508">
        <v>1</v>
      </c>
    </row>
    <row r="29" spans="1:32" s="346" customFormat="1" ht="22.5" customHeight="1">
      <c r="A29" s="355">
        <v>3452</v>
      </c>
      <c r="B29" s="381" t="s">
        <v>456</v>
      </c>
      <c r="C29" s="510">
        <v>-1025</v>
      </c>
      <c r="D29" s="511">
        <v>-292</v>
      </c>
      <c r="E29" s="510">
        <v>-733</v>
      </c>
      <c r="F29" s="512">
        <v>-1019</v>
      </c>
      <c r="G29" s="511">
        <v>-292</v>
      </c>
      <c r="H29" s="510">
        <v>-727</v>
      </c>
      <c r="I29" s="513" t="s">
        <v>72</v>
      </c>
      <c r="J29" s="514" t="s">
        <v>72</v>
      </c>
      <c r="K29" s="514" t="s">
        <v>72</v>
      </c>
      <c r="L29" s="505">
        <v>1019</v>
      </c>
      <c r="M29" s="515">
        <v>10.5</v>
      </c>
      <c r="N29" s="512">
        <v>292</v>
      </c>
      <c r="O29" s="516">
        <v>5.9</v>
      </c>
      <c r="P29" s="512">
        <v>727</v>
      </c>
      <c r="Q29" s="516">
        <v>15.5</v>
      </c>
      <c r="R29" s="510">
        <v>-6</v>
      </c>
      <c r="S29" s="511">
        <v>0</v>
      </c>
      <c r="T29" s="510">
        <v>-6</v>
      </c>
      <c r="U29" s="512">
        <v>40</v>
      </c>
      <c r="V29" s="515">
        <v>0.1</v>
      </c>
      <c r="W29" s="512">
        <v>13</v>
      </c>
      <c r="X29" s="516">
        <v>0.1</v>
      </c>
      <c r="Y29" s="512">
        <v>27</v>
      </c>
      <c r="Z29" s="516">
        <v>0.2</v>
      </c>
      <c r="AA29" s="512">
        <v>46</v>
      </c>
      <c r="AB29" s="515">
        <v>0.2</v>
      </c>
      <c r="AC29" s="512">
        <v>13</v>
      </c>
      <c r="AD29" s="516">
        <v>0.1</v>
      </c>
      <c r="AE29" s="512">
        <v>33</v>
      </c>
      <c r="AF29" s="515">
        <v>0.3</v>
      </c>
    </row>
    <row r="30" spans="1:32" s="346" customFormat="1" ht="22.5" customHeight="1">
      <c r="A30" s="519">
        <v>592</v>
      </c>
      <c r="B30" s="520" t="s">
        <v>457</v>
      </c>
      <c r="C30" s="521">
        <v>-270</v>
      </c>
      <c r="D30" s="522">
        <v>-39</v>
      </c>
      <c r="E30" s="523">
        <v>-231</v>
      </c>
      <c r="F30" s="523">
        <v>-270</v>
      </c>
      <c r="G30" s="522">
        <v>-39</v>
      </c>
      <c r="H30" s="524">
        <v>-231</v>
      </c>
      <c r="I30" s="525" t="s">
        <v>72</v>
      </c>
      <c r="J30" s="526" t="s">
        <v>72</v>
      </c>
      <c r="K30" s="526" t="s">
        <v>72</v>
      </c>
      <c r="L30" s="523">
        <v>270</v>
      </c>
      <c r="M30" s="879">
        <v>2.8</v>
      </c>
      <c r="N30" s="523">
        <v>39</v>
      </c>
      <c r="O30" s="880">
        <v>0.8</v>
      </c>
      <c r="P30" s="523">
        <v>231</v>
      </c>
      <c r="Q30" s="880">
        <v>4.9000000000000004</v>
      </c>
      <c r="R30" s="524">
        <v>0</v>
      </c>
      <c r="S30" s="522">
        <v>0</v>
      </c>
      <c r="T30" s="523">
        <v>0</v>
      </c>
      <c r="U30" s="523">
        <v>6</v>
      </c>
      <c r="V30" s="879">
        <v>0</v>
      </c>
      <c r="W30" s="523">
        <v>0</v>
      </c>
      <c r="X30" s="880">
        <v>0</v>
      </c>
      <c r="Y30" s="523">
        <v>6</v>
      </c>
      <c r="Z30" s="880">
        <v>0.1</v>
      </c>
      <c r="AA30" s="523">
        <v>6</v>
      </c>
      <c r="AB30" s="879">
        <v>0</v>
      </c>
      <c r="AC30" s="523">
        <v>0</v>
      </c>
      <c r="AD30" s="880">
        <v>0</v>
      </c>
      <c r="AE30" s="523">
        <v>6</v>
      </c>
      <c r="AF30" s="879">
        <v>0.1</v>
      </c>
    </row>
    <row r="31" spans="1:32" s="346" customFormat="1" ht="22.5" customHeight="1">
      <c r="A31" s="377">
        <v>69840</v>
      </c>
      <c r="B31" s="347" t="s">
        <v>458</v>
      </c>
      <c r="C31" s="503">
        <v>3831</v>
      </c>
      <c r="D31" s="504">
        <v>1885</v>
      </c>
      <c r="E31" s="503">
        <v>1946</v>
      </c>
      <c r="F31" s="505">
        <v>3319</v>
      </c>
      <c r="G31" s="504">
        <v>1663</v>
      </c>
      <c r="H31" s="503">
        <v>1656</v>
      </c>
      <c r="I31" s="505">
        <v>3329</v>
      </c>
      <c r="J31" s="504">
        <v>1670</v>
      </c>
      <c r="K31" s="504">
        <v>1659</v>
      </c>
      <c r="L31" s="505">
        <v>10</v>
      </c>
      <c r="M31" s="508">
        <v>0.1</v>
      </c>
      <c r="N31" s="505">
        <v>7</v>
      </c>
      <c r="O31" s="509">
        <v>0.1</v>
      </c>
      <c r="P31" s="505">
        <v>3</v>
      </c>
      <c r="Q31" s="509">
        <v>0.1</v>
      </c>
      <c r="R31" s="503">
        <v>512</v>
      </c>
      <c r="S31" s="504">
        <v>222</v>
      </c>
      <c r="T31" s="505">
        <v>290</v>
      </c>
      <c r="U31" s="505">
        <v>2759</v>
      </c>
      <c r="V31" s="508">
        <v>10.199999999999999</v>
      </c>
      <c r="W31" s="505">
        <v>1398</v>
      </c>
      <c r="X31" s="509">
        <v>9.1</v>
      </c>
      <c r="Y31" s="505">
        <v>1361</v>
      </c>
      <c r="Z31" s="509">
        <v>11.6</v>
      </c>
      <c r="AA31" s="505">
        <v>2247</v>
      </c>
      <c r="AB31" s="508">
        <v>8.3000000000000007</v>
      </c>
      <c r="AC31" s="505">
        <v>1176</v>
      </c>
      <c r="AD31" s="509">
        <v>7.7</v>
      </c>
      <c r="AE31" s="505">
        <v>1071</v>
      </c>
      <c r="AF31" s="508">
        <v>9.1999999999999993</v>
      </c>
    </row>
    <row r="32" spans="1:32" s="346" customFormat="1" ht="22.5" customHeight="1">
      <c r="A32" s="377">
        <v>385221</v>
      </c>
      <c r="B32" s="347" t="s">
        <v>459</v>
      </c>
      <c r="C32" s="503">
        <v>-995</v>
      </c>
      <c r="D32" s="504">
        <v>-614</v>
      </c>
      <c r="E32" s="503">
        <v>-381</v>
      </c>
      <c r="F32" s="505">
        <v>-692</v>
      </c>
      <c r="G32" s="504">
        <v>-444</v>
      </c>
      <c r="H32" s="503">
        <v>-248</v>
      </c>
      <c r="I32" s="348" t="s">
        <v>72</v>
      </c>
      <c r="J32" s="349" t="s">
        <v>72</v>
      </c>
      <c r="K32" s="349" t="s">
        <v>72</v>
      </c>
      <c r="L32" s="505">
        <v>692</v>
      </c>
      <c r="M32" s="508">
        <v>7.1</v>
      </c>
      <c r="N32" s="505">
        <v>444</v>
      </c>
      <c r="O32" s="509">
        <v>8.9</v>
      </c>
      <c r="P32" s="505">
        <v>248</v>
      </c>
      <c r="Q32" s="509">
        <v>5.3</v>
      </c>
      <c r="R32" s="503">
        <v>-303</v>
      </c>
      <c r="S32" s="504">
        <v>-170</v>
      </c>
      <c r="T32" s="503">
        <v>-133</v>
      </c>
      <c r="U32" s="505">
        <v>22348</v>
      </c>
      <c r="V32" s="508">
        <v>82.3</v>
      </c>
      <c r="W32" s="505">
        <v>13112</v>
      </c>
      <c r="X32" s="509">
        <v>85.3</v>
      </c>
      <c r="Y32" s="505">
        <v>9236</v>
      </c>
      <c r="Z32" s="509">
        <v>78.400000000000006</v>
      </c>
      <c r="AA32" s="505">
        <v>22651</v>
      </c>
      <c r="AB32" s="508">
        <v>83.8</v>
      </c>
      <c r="AC32" s="505">
        <v>13282</v>
      </c>
      <c r="AD32" s="509">
        <v>86.6</v>
      </c>
      <c r="AE32" s="505">
        <v>9369</v>
      </c>
      <c r="AF32" s="508">
        <v>80.099999999999994</v>
      </c>
    </row>
    <row r="33" spans="1:32" s="346" customFormat="1" ht="22.5" customHeight="1" thickBot="1">
      <c r="A33" s="527">
        <v>220737</v>
      </c>
      <c r="B33" s="350" t="s">
        <v>460</v>
      </c>
      <c r="C33" s="528">
        <v>-9062</v>
      </c>
      <c r="D33" s="529">
        <v>-4540</v>
      </c>
      <c r="E33" s="528">
        <v>-4522</v>
      </c>
      <c r="F33" s="530">
        <v>-8984</v>
      </c>
      <c r="G33" s="529">
        <v>-4538</v>
      </c>
      <c r="H33" s="528">
        <v>-4446</v>
      </c>
      <c r="I33" s="351" t="s">
        <v>72</v>
      </c>
      <c r="J33" s="352" t="s">
        <v>72</v>
      </c>
      <c r="K33" s="352" t="s">
        <v>72</v>
      </c>
      <c r="L33" s="530">
        <v>8984</v>
      </c>
      <c r="M33" s="531">
        <v>92.8</v>
      </c>
      <c r="N33" s="530">
        <v>4538</v>
      </c>
      <c r="O33" s="532">
        <v>91</v>
      </c>
      <c r="P33" s="530">
        <v>4446</v>
      </c>
      <c r="Q33" s="532">
        <v>94.7</v>
      </c>
      <c r="R33" s="528">
        <v>-78</v>
      </c>
      <c r="S33" s="529">
        <v>-2</v>
      </c>
      <c r="T33" s="528">
        <v>-76</v>
      </c>
      <c r="U33" s="530">
        <v>2053</v>
      </c>
      <c r="V33" s="531">
        <v>7.6</v>
      </c>
      <c r="W33" s="530">
        <v>869</v>
      </c>
      <c r="X33" s="532">
        <v>5.7</v>
      </c>
      <c r="Y33" s="530">
        <v>1184</v>
      </c>
      <c r="Z33" s="532">
        <v>10.1</v>
      </c>
      <c r="AA33" s="530">
        <v>2131</v>
      </c>
      <c r="AB33" s="531">
        <v>7.9</v>
      </c>
      <c r="AC33" s="530">
        <v>871</v>
      </c>
      <c r="AD33" s="532">
        <v>5.7</v>
      </c>
      <c r="AE33" s="530">
        <v>1260</v>
      </c>
      <c r="AF33" s="531">
        <v>10.8</v>
      </c>
    </row>
    <row r="34" spans="1:32" ht="12" customHeight="1" thickTop="1">
      <c r="A34" s="384"/>
      <c r="B34" s="384"/>
      <c r="C34" s="384"/>
      <c r="D34" s="384"/>
      <c r="E34" s="384"/>
      <c r="F34" s="384"/>
      <c r="G34" s="384"/>
    </row>
    <row r="35" spans="1:32" s="353" customFormat="1" ht="18" customHeight="1">
      <c r="A35" s="533" t="s">
        <v>463</v>
      </c>
      <c r="B35" s="490"/>
      <c r="C35" s="490"/>
      <c r="D35" s="490"/>
      <c r="E35" s="490"/>
      <c r="F35" s="490"/>
      <c r="G35" s="490"/>
      <c r="H35" s="490"/>
      <c r="I35" s="491"/>
    </row>
    <row r="36" spans="1:32" s="353" customFormat="1" ht="18" customHeight="1">
      <c r="A36" s="533" t="s">
        <v>507</v>
      </c>
    </row>
    <row r="37" spans="1:32" s="353" customFormat="1" ht="18" customHeight="1">
      <c r="A37" s="533" t="s">
        <v>508</v>
      </c>
      <c r="B37" s="492"/>
      <c r="C37" s="492"/>
      <c r="D37" s="492"/>
      <c r="E37" s="492"/>
      <c r="F37" s="492"/>
      <c r="G37" s="492"/>
      <c r="H37" s="492"/>
      <c r="I37" s="492"/>
    </row>
    <row r="38" spans="1:32" s="353" customFormat="1" ht="18" customHeight="1">
      <c r="A38" s="533" t="s">
        <v>509</v>
      </c>
    </row>
    <row r="48" spans="1:32">
      <c r="A48" s="534"/>
    </row>
  </sheetData>
  <mergeCells count="15">
    <mergeCell ref="A2:A6"/>
    <mergeCell ref="C4:E4"/>
    <mergeCell ref="F4:H4"/>
    <mergeCell ref="I4:K4"/>
    <mergeCell ref="L4:Q4"/>
    <mergeCell ref="U4:Z4"/>
    <mergeCell ref="AA4:AF4"/>
    <mergeCell ref="C5:E5"/>
    <mergeCell ref="F5:H5"/>
    <mergeCell ref="I5:K5"/>
    <mergeCell ref="L5:Q5"/>
    <mergeCell ref="R5:T5"/>
    <mergeCell ref="U5:Z5"/>
    <mergeCell ref="AA5:AF5"/>
    <mergeCell ref="R4:T4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72" firstPageNumber="22" orientation="landscape" blackAndWhite="1" r:id="rId1"/>
  <headerFooter scaleWithDoc="0"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I48"/>
  <sheetViews>
    <sheetView view="pageBreakPreview" zoomScale="80" zoomScaleNormal="80" zoomScaleSheetLayoutView="80" workbookViewId="0">
      <pane ySplit="6" topLeftCell="A7" activePane="bottomLeft" state="frozen"/>
      <selection pane="bottomLeft"/>
    </sheetView>
  </sheetViews>
  <sheetFormatPr defaultRowHeight="13.5"/>
  <cols>
    <col min="1" max="1" width="17.5" style="151" customWidth="1"/>
    <col min="2" max="2" width="10.625" style="151" customWidth="1"/>
    <col min="3" max="8" width="8.75" style="151" customWidth="1"/>
    <col min="9" max="11" width="8.25" style="151" customWidth="1"/>
    <col min="12" max="12" width="8.75" style="151" customWidth="1"/>
    <col min="13" max="13" width="7.125" style="151" customWidth="1"/>
    <col min="14" max="14" width="8.75" style="151" customWidth="1"/>
    <col min="15" max="15" width="7.25" style="151" customWidth="1"/>
    <col min="16" max="16" width="8.75" style="151" customWidth="1"/>
    <col min="17" max="17" width="7.125" style="151" customWidth="1"/>
    <col min="18" max="21" width="8.75" style="151" customWidth="1"/>
    <col min="22" max="22" width="7.125" style="151" customWidth="1"/>
    <col min="23" max="23" width="8.75" style="151" customWidth="1"/>
    <col min="24" max="24" width="7.125" style="151" customWidth="1"/>
    <col min="25" max="25" width="8.75" style="151" customWidth="1"/>
    <col min="26" max="26" width="7.125" style="151" customWidth="1"/>
    <col min="27" max="27" width="8.75" style="151" customWidth="1"/>
    <col min="28" max="28" width="7.125" style="151" customWidth="1"/>
    <col min="29" max="29" width="8.75" style="151" customWidth="1"/>
    <col min="30" max="30" width="7.125" style="151" customWidth="1"/>
    <col min="31" max="31" width="8.75" style="151" customWidth="1"/>
    <col min="32" max="32" width="7.125" style="151" customWidth="1"/>
    <col min="33" max="16384" width="9" style="151"/>
  </cols>
  <sheetData>
    <row r="1" spans="1:35" ht="21" customHeight="1" thickBot="1">
      <c r="A1" s="897" t="s">
        <v>513</v>
      </c>
      <c r="B1" s="329"/>
      <c r="C1" s="329"/>
      <c r="D1" s="329"/>
      <c r="E1" s="329"/>
      <c r="S1" s="329"/>
      <c r="U1" s="329"/>
      <c r="V1" s="329"/>
      <c r="W1" s="329"/>
      <c r="AC1" s="330"/>
      <c r="AD1" s="330"/>
      <c r="AF1" s="494" t="s">
        <v>513</v>
      </c>
    </row>
    <row r="2" spans="1:35" s="346" customFormat="1" ht="22.5" customHeight="1" thickTop="1">
      <c r="A2" s="1036" t="s">
        <v>488</v>
      </c>
      <c r="B2" s="464"/>
      <c r="C2" s="331"/>
      <c r="D2" s="331"/>
      <c r="E2" s="331"/>
      <c r="F2" s="331"/>
      <c r="G2" s="331"/>
      <c r="H2" s="331"/>
      <c r="I2" s="331"/>
      <c r="J2" s="331"/>
      <c r="K2" s="331"/>
      <c r="L2" s="331"/>
      <c r="M2" s="331"/>
      <c r="N2" s="331"/>
      <c r="O2" s="331"/>
      <c r="P2" s="331"/>
      <c r="Q2" s="331"/>
      <c r="R2" s="331"/>
      <c r="S2" s="331"/>
      <c r="T2" s="331"/>
      <c r="U2" s="331"/>
      <c r="V2" s="331"/>
      <c r="W2" s="331"/>
      <c r="X2" s="331"/>
      <c r="Y2" s="331"/>
      <c r="Z2" s="331"/>
      <c r="AA2" s="331"/>
      <c r="AB2" s="331"/>
      <c r="AC2" s="331"/>
      <c r="AD2" s="331"/>
      <c r="AE2" s="331"/>
      <c r="AF2" s="354"/>
    </row>
    <row r="3" spans="1:35" s="495" customFormat="1" ht="22.5" customHeight="1">
      <c r="A3" s="1037"/>
      <c r="B3" s="332"/>
      <c r="C3" s="465"/>
      <c r="D3" s="333" t="s">
        <v>489</v>
      </c>
      <c r="E3" s="334"/>
      <c r="F3" s="466"/>
      <c r="G3" s="467"/>
      <c r="H3" s="335"/>
      <c r="I3" s="335"/>
      <c r="J3" s="335"/>
      <c r="K3" s="335"/>
      <c r="L3" s="335"/>
      <c r="M3" s="335"/>
      <c r="N3" s="335"/>
      <c r="O3" s="335"/>
      <c r="P3" s="335"/>
      <c r="Q3" s="335"/>
      <c r="R3" s="466"/>
      <c r="S3" s="467"/>
      <c r="T3" s="335"/>
      <c r="U3" s="335"/>
      <c r="V3" s="335"/>
      <c r="W3" s="335"/>
      <c r="X3" s="335"/>
      <c r="Y3" s="335"/>
      <c r="Z3" s="335"/>
      <c r="AA3" s="335"/>
      <c r="AB3" s="335"/>
      <c r="AC3" s="335"/>
      <c r="AD3" s="335"/>
      <c r="AE3" s="335"/>
      <c r="AF3" s="335"/>
    </row>
    <row r="4" spans="1:35" s="495" customFormat="1" ht="22.5" customHeight="1">
      <c r="A4" s="1037"/>
      <c r="B4" s="496" t="s">
        <v>253</v>
      </c>
      <c r="C4" s="1033" t="s">
        <v>490</v>
      </c>
      <c r="D4" s="1034"/>
      <c r="E4" s="1035"/>
      <c r="F4" s="1033" t="s">
        <v>422</v>
      </c>
      <c r="G4" s="1034"/>
      <c r="H4" s="1035"/>
      <c r="I4" s="1027" t="s">
        <v>423</v>
      </c>
      <c r="J4" s="1028"/>
      <c r="K4" s="1029"/>
      <c r="L4" s="1027" t="s">
        <v>491</v>
      </c>
      <c r="M4" s="1028"/>
      <c r="N4" s="1028"/>
      <c r="O4" s="1028"/>
      <c r="P4" s="1028"/>
      <c r="Q4" s="1029"/>
      <c r="R4" s="1033" t="s">
        <v>425</v>
      </c>
      <c r="S4" s="1034"/>
      <c r="T4" s="1035"/>
      <c r="U4" s="1027" t="s">
        <v>426</v>
      </c>
      <c r="V4" s="1028"/>
      <c r="W4" s="1028"/>
      <c r="X4" s="1028"/>
      <c r="Y4" s="1028"/>
      <c r="Z4" s="1029"/>
      <c r="AA4" s="1027" t="s">
        <v>427</v>
      </c>
      <c r="AB4" s="1028"/>
      <c r="AC4" s="1028"/>
      <c r="AD4" s="1028"/>
      <c r="AE4" s="1028"/>
      <c r="AF4" s="1028"/>
    </row>
    <row r="5" spans="1:35" s="497" customFormat="1" ht="22.5" customHeight="1">
      <c r="A5" s="1037"/>
      <c r="B5" s="347"/>
      <c r="C5" s="1030" t="s">
        <v>492</v>
      </c>
      <c r="D5" s="1031"/>
      <c r="E5" s="1032"/>
      <c r="F5" s="1030" t="s">
        <v>493</v>
      </c>
      <c r="G5" s="1031"/>
      <c r="H5" s="1032"/>
      <c r="I5" s="1030" t="s">
        <v>494</v>
      </c>
      <c r="J5" s="1031"/>
      <c r="K5" s="1032"/>
      <c r="L5" s="1030" t="s">
        <v>495</v>
      </c>
      <c r="M5" s="1031"/>
      <c r="N5" s="1031"/>
      <c r="O5" s="1031"/>
      <c r="P5" s="1031"/>
      <c r="Q5" s="1032"/>
      <c r="R5" s="1030" t="s">
        <v>496</v>
      </c>
      <c r="S5" s="1031"/>
      <c r="T5" s="1032"/>
      <c r="U5" s="1030" t="s">
        <v>433</v>
      </c>
      <c r="V5" s="1031"/>
      <c r="W5" s="1031"/>
      <c r="X5" s="1031"/>
      <c r="Y5" s="1031"/>
      <c r="Z5" s="1032"/>
      <c r="AA5" s="1030" t="s">
        <v>434</v>
      </c>
      <c r="AB5" s="1031"/>
      <c r="AC5" s="1031"/>
      <c r="AD5" s="1031"/>
      <c r="AE5" s="1031"/>
      <c r="AF5" s="1031"/>
      <c r="AI5" s="498"/>
    </row>
    <row r="6" spans="1:35" s="415" customFormat="1" ht="22.5" customHeight="1">
      <c r="A6" s="988"/>
      <c r="B6" s="470"/>
      <c r="C6" s="473" t="s">
        <v>497</v>
      </c>
      <c r="D6" s="472" t="s">
        <v>498</v>
      </c>
      <c r="E6" s="473" t="s">
        <v>499</v>
      </c>
      <c r="F6" s="474" t="s">
        <v>497</v>
      </c>
      <c r="G6" s="472" t="s">
        <v>498</v>
      </c>
      <c r="H6" s="473" t="s">
        <v>499</v>
      </c>
      <c r="I6" s="474" t="s">
        <v>500</v>
      </c>
      <c r="J6" s="472" t="s">
        <v>498</v>
      </c>
      <c r="K6" s="472" t="s">
        <v>499</v>
      </c>
      <c r="L6" s="475" t="s">
        <v>500</v>
      </c>
      <c r="M6" s="336" t="s">
        <v>501</v>
      </c>
      <c r="N6" s="475" t="s">
        <v>502</v>
      </c>
      <c r="O6" s="336" t="s">
        <v>501</v>
      </c>
      <c r="P6" s="475" t="s">
        <v>499</v>
      </c>
      <c r="Q6" s="336" t="s">
        <v>501</v>
      </c>
      <c r="R6" s="473" t="s">
        <v>497</v>
      </c>
      <c r="S6" s="472" t="s">
        <v>498</v>
      </c>
      <c r="T6" s="473" t="s">
        <v>499</v>
      </c>
      <c r="U6" s="474" t="s">
        <v>497</v>
      </c>
      <c r="V6" s="336" t="s">
        <v>501</v>
      </c>
      <c r="W6" s="475" t="s">
        <v>498</v>
      </c>
      <c r="X6" s="336" t="s">
        <v>501</v>
      </c>
      <c r="Y6" s="475" t="s">
        <v>499</v>
      </c>
      <c r="Z6" s="336" t="s">
        <v>501</v>
      </c>
      <c r="AA6" s="475" t="s">
        <v>497</v>
      </c>
      <c r="AB6" s="336" t="s">
        <v>501</v>
      </c>
      <c r="AC6" s="475" t="s">
        <v>498</v>
      </c>
      <c r="AD6" s="336" t="s">
        <v>501</v>
      </c>
      <c r="AE6" s="475" t="s">
        <v>499</v>
      </c>
      <c r="AF6" s="337" t="s">
        <v>501</v>
      </c>
    </row>
    <row r="7" spans="1:35" s="78" customFormat="1" ht="22.5" customHeight="1">
      <c r="A7" s="481" t="s">
        <v>192</v>
      </c>
      <c r="B7" s="239"/>
      <c r="C7" s="86" t="s">
        <v>192</v>
      </c>
      <c r="D7" s="105" t="s">
        <v>192</v>
      </c>
      <c r="E7" s="86" t="s">
        <v>192</v>
      </c>
      <c r="F7" s="106" t="s">
        <v>192</v>
      </c>
      <c r="G7" s="105" t="s">
        <v>192</v>
      </c>
      <c r="H7" s="86" t="s">
        <v>192</v>
      </c>
      <c r="I7" s="106" t="s">
        <v>192</v>
      </c>
      <c r="J7" s="105" t="s">
        <v>192</v>
      </c>
      <c r="K7" s="105" t="s">
        <v>192</v>
      </c>
      <c r="L7" s="479" t="s">
        <v>192</v>
      </c>
      <c r="M7" s="86" t="s">
        <v>503</v>
      </c>
      <c r="N7" s="479" t="s">
        <v>192</v>
      </c>
      <c r="O7" s="86" t="s">
        <v>503</v>
      </c>
      <c r="P7" s="479" t="s">
        <v>192</v>
      </c>
      <c r="Q7" s="86" t="s">
        <v>503</v>
      </c>
      <c r="R7" s="478" t="s">
        <v>192</v>
      </c>
      <c r="S7" s="105" t="s">
        <v>192</v>
      </c>
      <c r="T7" s="86" t="s">
        <v>192</v>
      </c>
      <c r="U7" s="479" t="s">
        <v>192</v>
      </c>
      <c r="V7" s="86" t="s">
        <v>503</v>
      </c>
      <c r="W7" s="479" t="s">
        <v>192</v>
      </c>
      <c r="X7" s="86" t="s">
        <v>503</v>
      </c>
      <c r="Y7" s="479" t="s">
        <v>192</v>
      </c>
      <c r="Z7" s="86" t="s">
        <v>503</v>
      </c>
      <c r="AA7" s="479" t="s">
        <v>192</v>
      </c>
      <c r="AB7" s="86" t="s">
        <v>503</v>
      </c>
      <c r="AC7" s="479" t="s">
        <v>192</v>
      </c>
      <c r="AD7" s="86" t="s">
        <v>503</v>
      </c>
      <c r="AE7" s="479" t="s">
        <v>192</v>
      </c>
      <c r="AF7" s="86" t="s">
        <v>503</v>
      </c>
    </row>
    <row r="8" spans="1:35" s="495" customFormat="1" ht="22.5" customHeight="1">
      <c r="A8" s="499">
        <v>1590272</v>
      </c>
      <c r="B8" s="338" t="s">
        <v>194</v>
      </c>
      <c r="C8" s="500">
        <v>3504</v>
      </c>
      <c r="D8" s="501">
        <v>1037</v>
      </c>
      <c r="E8" s="500">
        <v>2467</v>
      </c>
      <c r="F8" s="502">
        <v>-7130</v>
      </c>
      <c r="G8" s="501">
        <v>-4363</v>
      </c>
      <c r="H8" s="500">
        <v>-2767</v>
      </c>
      <c r="I8" s="502">
        <v>9934</v>
      </c>
      <c r="J8" s="501">
        <v>5099</v>
      </c>
      <c r="K8" s="501">
        <v>4835</v>
      </c>
      <c r="L8" s="502">
        <v>17064</v>
      </c>
      <c r="M8" s="339" t="s">
        <v>504</v>
      </c>
      <c r="N8" s="502">
        <v>9462</v>
      </c>
      <c r="O8" s="339" t="s">
        <v>505</v>
      </c>
      <c r="P8" s="502">
        <v>7602</v>
      </c>
      <c r="Q8" s="339" t="s">
        <v>505</v>
      </c>
      <c r="R8" s="501">
        <v>10634</v>
      </c>
      <c r="S8" s="501">
        <v>5400</v>
      </c>
      <c r="T8" s="500">
        <v>5234</v>
      </c>
      <c r="U8" s="502">
        <v>80988</v>
      </c>
      <c r="V8" s="339" t="s">
        <v>505</v>
      </c>
      <c r="W8" s="502">
        <v>43926</v>
      </c>
      <c r="X8" s="339" t="s">
        <v>505</v>
      </c>
      <c r="Y8" s="502">
        <v>37062</v>
      </c>
      <c r="Z8" s="339" t="s">
        <v>505</v>
      </c>
      <c r="AA8" s="502">
        <v>70354</v>
      </c>
      <c r="AB8" s="339" t="s">
        <v>505</v>
      </c>
      <c r="AC8" s="502">
        <v>38526</v>
      </c>
      <c r="AD8" s="339" t="s">
        <v>505</v>
      </c>
      <c r="AE8" s="502">
        <v>31828</v>
      </c>
      <c r="AF8" s="339" t="s">
        <v>505</v>
      </c>
    </row>
    <row r="9" spans="1:35" s="346" customFormat="1" ht="15.75" customHeight="1">
      <c r="A9" s="355"/>
      <c r="B9" s="341"/>
      <c r="C9" s="342"/>
      <c r="D9" s="299"/>
      <c r="E9" s="342"/>
      <c r="F9" s="298"/>
      <c r="G9" s="299"/>
      <c r="H9" s="342"/>
      <c r="I9" s="298"/>
      <c r="J9" s="299"/>
      <c r="K9" s="299"/>
      <c r="L9" s="298"/>
      <c r="M9" s="343"/>
      <c r="N9" s="298"/>
      <c r="O9" s="344"/>
      <c r="P9" s="298"/>
      <c r="Q9" s="345"/>
      <c r="R9" s="342"/>
      <c r="S9" s="299"/>
      <c r="T9" s="342"/>
      <c r="U9" s="298"/>
      <c r="V9" s="343"/>
      <c r="W9" s="298"/>
      <c r="X9" s="344"/>
      <c r="Y9" s="298"/>
      <c r="Z9" s="344"/>
      <c r="AA9" s="298"/>
      <c r="AB9" s="343"/>
      <c r="AC9" s="298"/>
      <c r="AD9" s="344"/>
      <c r="AE9" s="298"/>
      <c r="AF9" s="343"/>
    </row>
    <row r="10" spans="1:35" s="346" customFormat="1" ht="22.5" customHeight="1">
      <c r="A10" s="377">
        <v>53550</v>
      </c>
      <c r="B10" s="378" t="s">
        <v>436</v>
      </c>
      <c r="C10" s="503">
        <v>10612</v>
      </c>
      <c r="D10" s="504">
        <v>5456</v>
      </c>
      <c r="E10" s="503">
        <v>5156</v>
      </c>
      <c r="F10" s="505">
        <v>9907</v>
      </c>
      <c r="G10" s="504">
        <v>5085</v>
      </c>
      <c r="H10" s="503">
        <v>4822</v>
      </c>
      <c r="I10" s="506">
        <v>9934</v>
      </c>
      <c r="J10" s="505">
        <v>5099</v>
      </c>
      <c r="K10" s="504">
        <v>4835</v>
      </c>
      <c r="L10" s="507">
        <v>27</v>
      </c>
      <c r="M10" s="508">
        <v>0.2</v>
      </c>
      <c r="N10" s="507">
        <v>14</v>
      </c>
      <c r="O10" s="509">
        <v>0.1</v>
      </c>
      <c r="P10" s="507">
        <v>13</v>
      </c>
      <c r="Q10" s="509">
        <v>0.2</v>
      </c>
      <c r="R10" s="503">
        <v>705</v>
      </c>
      <c r="S10" s="504">
        <v>371</v>
      </c>
      <c r="T10" s="503">
        <v>334</v>
      </c>
      <c r="U10" s="505">
        <v>4269</v>
      </c>
      <c r="V10" s="508">
        <v>5.3</v>
      </c>
      <c r="W10" s="507">
        <v>2202</v>
      </c>
      <c r="X10" s="509">
        <v>5</v>
      </c>
      <c r="Y10" s="507">
        <v>2067</v>
      </c>
      <c r="Z10" s="509">
        <v>5.6</v>
      </c>
      <c r="AA10" s="505">
        <v>3564</v>
      </c>
      <c r="AB10" s="508">
        <v>5.0999999999999996</v>
      </c>
      <c r="AC10" s="507">
        <v>1831</v>
      </c>
      <c r="AD10" s="509">
        <v>4.8</v>
      </c>
      <c r="AE10" s="505">
        <v>1733</v>
      </c>
      <c r="AF10" s="508">
        <v>5.4</v>
      </c>
    </row>
    <row r="11" spans="1:35" s="346" customFormat="1" ht="22.5" customHeight="1">
      <c r="A11" s="377">
        <v>60450</v>
      </c>
      <c r="B11" s="380" t="s">
        <v>438</v>
      </c>
      <c r="C11" s="503">
        <v>267</v>
      </c>
      <c r="D11" s="504">
        <v>110</v>
      </c>
      <c r="E11" s="503">
        <v>157</v>
      </c>
      <c r="F11" s="505">
        <v>-5</v>
      </c>
      <c r="G11" s="504">
        <v>-2</v>
      </c>
      <c r="H11" s="503">
        <v>-3</v>
      </c>
      <c r="I11" s="348" t="s">
        <v>72</v>
      </c>
      <c r="J11" s="349" t="s">
        <v>506</v>
      </c>
      <c r="K11" s="349" t="s">
        <v>72</v>
      </c>
      <c r="L11" s="505">
        <v>5</v>
      </c>
      <c r="M11" s="508">
        <v>0</v>
      </c>
      <c r="N11" s="505">
        <v>2</v>
      </c>
      <c r="O11" s="509">
        <v>0</v>
      </c>
      <c r="P11" s="505">
        <v>3</v>
      </c>
      <c r="Q11" s="509">
        <v>0</v>
      </c>
      <c r="R11" s="503">
        <v>272</v>
      </c>
      <c r="S11" s="504">
        <v>112</v>
      </c>
      <c r="T11" s="503">
        <v>160</v>
      </c>
      <c r="U11" s="505">
        <v>1930</v>
      </c>
      <c r="V11" s="508">
        <v>2.4</v>
      </c>
      <c r="W11" s="505">
        <v>964</v>
      </c>
      <c r="X11" s="509">
        <v>2.2000000000000002</v>
      </c>
      <c r="Y11" s="505">
        <v>966</v>
      </c>
      <c r="Z11" s="509">
        <v>2.6</v>
      </c>
      <c r="AA11" s="505">
        <v>1658</v>
      </c>
      <c r="AB11" s="508">
        <v>2.4</v>
      </c>
      <c r="AC11" s="505">
        <v>852</v>
      </c>
      <c r="AD11" s="509">
        <v>2.2000000000000002</v>
      </c>
      <c r="AE11" s="505">
        <v>806</v>
      </c>
      <c r="AF11" s="508">
        <v>2.5</v>
      </c>
    </row>
    <row r="12" spans="1:35" s="346" customFormat="1" ht="22.5" customHeight="1">
      <c r="A12" s="377">
        <v>65899</v>
      </c>
      <c r="B12" s="380" t="s">
        <v>439</v>
      </c>
      <c r="C12" s="503">
        <v>195</v>
      </c>
      <c r="D12" s="504">
        <v>106</v>
      </c>
      <c r="E12" s="503">
        <v>89</v>
      </c>
      <c r="F12" s="505">
        <v>-4</v>
      </c>
      <c r="G12" s="504">
        <v>-3</v>
      </c>
      <c r="H12" s="503">
        <v>-1</v>
      </c>
      <c r="I12" s="348" t="s">
        <v>506</v>
      </c>
      <c r="J12" s="349" t="s">
        <v>72</v>
      </c>
      <c r="K12" s="349" t="s">
        <v>72</v>
      </c>
      <c r="L12" s="505">
        <v>4</v>
      </c>
      <c r="M12" s="508">
        <v>0</v>
      </c>
      <c r="N12" s="505">
        <v>3</v>
      </c>
      <c r="O12" s="509">
        <v>0</v>
      </c>
      <c r="P12" s="505">
        <v>1</v>
      </c>
      <c r="Q12" s="509">
        <v>0</v>
      </c>
      <c r="R12" s="503">
        <v>199</v>
      </c>
      <c r="S12" s="504">
        <v>109</v>
      </c>
      <c r="T12" s="503">
        <v>90</v>
      </c>
      <c r="U12" s="505">
        <v>1065</v>
      </c>
      <c r="V12" s="508">
        <v>1.3</v>
      </c>
      <c r="W12" s="505">
        <v>539</v>
      </c>
      <c r="X12" s="509">
        <v>1.2</v>
      </c>
      <c r="Y12" s="505">
        <v>526</v>
      </c>
      <c r="Z12" s="509">
        <v>1.4</v>
      </c>
      <c r="AA12" s="505">
        <v>866</v>
      </c>
      <c r="AB12" s="508">
        <v>1.2</v>
      </c>
      <c r="AC12" s="505">
        <v>430</v>
      </c>
      <c r="AD12" s="509">
        <v>1.1000000000000001</v>
      </c>
      <c r="AE12" s="505">
        <v>436</v>
      </c>
      <c r="AF12" s="508">
        <v>1.4</v>
      </c>
    </row>
    <row r="13" spans="1:35" s="346" customFormat="1" ht="22.5" customHeight="1">
      <c r="A13" s="377">
        <v>68866</v>
      </c>
      <c r="B13" s="380" t="s">
        <v>440</v>
      </c>
      <c r="C13" s="503">
        <v>1155</v>
      </c>
      <c r="D13" s="504">
        <v>514</v>
      </c>
      <c r="E13" s="503">
        <v>641</v>
      </c>
      <c r="F13" s="505">
        <v>-17</v>
      </c>
      <c r="G13" s="504">
        <v>-13</v>
      </c>
      <c r="H13" s="503">
        <v>-4</v>
      </c>
      <c r="I13" s="348" t="s">
        <v>72</v>
      </c>
      <c r="J13" s="349" t="s">
        <v>72</v>
      </c>
      <c r="K13" s="349" t="s">
        <v>72</v>
      </c>
      <c r="L13" s="505">
        <v>17</v>
      </c>
      <c r="M13" s="508">
        <v>0.1</v>
      </c>
      <c r="N13" s="505">
        <v>13</v>
      </c>
      <c r="O13" s="509">
        <v>0.1</v>
      </c>
      <c r="P13" s="505">
        <v>4</v>
      </c>
      <c r="Q13" s="509">
        <v>0.1</v>
      </c>
      <c r="R13" s="503">
        <v>1172</v>
      </c>
      <c r="S13" s="504">
        <v>527</v>
      </c>
      <c r="T13" s="503">
        <v>645</v>
      </c>
      <c r="U13" s="505">
        <v>2907</v>
      </c>
      <c r="V13" s="508">
        <v>3.6</v>
      </c>
      <c r="W13" s="505">
        <v>1467</v>
      </c>
      <c r="X13" s="509">
        <v>3.3</v>
      </c>
      <c r="Y13" s="505">
        <v>1440</v>
      </c>
      <c r="Z13" s="509">
        <v>3.9</v>
      </c>
      <c r="AA13" s="505">
        <v>1735</v>
      </c>
      <c r="AB13" s="508">
        <v>2.5</v>
      </c>
      <c r="AC13" s="505">
        <v>940</v>
      </c>
      <c r="AD13" s="509">
        <v>2.4</v>
      </c>
      <c r="AE13" s="505">
        <v>795</v>
      </c>
      <c r="AF13" s="508">
        <v>2.5</v>
      </c>
    </row>
    <row r="14" spans="1:35" s="346" customFormat="1" ht="22.5" customHeight="1">
      <c r="A14" s="355">
        <v>85964</v>
      </c>
      <c r="B14" s="381" t="s">
        <v>441</v>
      </c>
      <c r="C14" s="510">
        <v>2366</v>
      </c>
      <c r="D14" s="511">
        <v>1295</v>
      </c>
      <c r="E14" s="510">
        <v>1071</v>
      </c>
      <c r="F14" s="512">
        <v>-24</v>
      </c>
      <c r="G14" s="511">
        <v>-15</v>
      </c>
      <c r="H14" s="510">
        <v>-9</v>
      </c>
      <c r="I14" s="513" t="s">
        <v>72</v>
      </c>
      <c r="J14" s="514" t="s">
        <v>72</v>
      </c>
      <c r="K14" s="514" t="s">
        <v>72</v>
      </c>
      <c r="L14" s="505">
        <v>24</v>
      </c>
      <c r="M14" s="515">
        <v>0.1</v>
      </c>
      <c r="N14" s="512">
        <v>15</v>
      </c>
      <c r="O14" s="516">
        <v>0.2</v>
      </c>
      <c r="P14" s="512">
        <v>9</v>
      </c>
      <c r="Q14" s="516">
        <v>0.1</v>
      </c>
      <c r="R14" s="517">
        <v>2390</v>
      </c>
      <c r="S14" s="511">
        <v>1310</v>
      </c>
      <c r="T14" s="510">
        <v>1080</v>
      </c>
      <c r="U14" s="512">
        <v>14047</v>
      </c>
      <c r="V14" s="515">
        <v>17.3</v>
      </c>
      <c r="W14" s="512">
        <v>7323</v>
      </c>
      <c r="X14" s="516">
        <v>16.7</v>
      </c>
      <c r="Y14" s="512">
        <v>6724</v>
      </c>
      <c r="Z14" s="516">
        <v>18.100000000000001</v>
      </c>
      <c r="AA14" s="512">
        <v>11657</v>
      </c>
      <c r="AB14" s="515">
        <v>16.600000000000001</v>
      </c>
      <c r="AC14" s="512">
        <v>6013</v>
      </c>
      <c r="AD14" s="516">
        <v>15.6</v>
      </c>
      <c r="AE14" s="512">
        <v>5644</v>
      </c>
      <c r="AF14" s="515">
        <v>17.7</v>
      </c>
    </row>
    <row r="15" spans="1:35" s="346" customFormat="1" ht="22.5" customHeight="1">
      <c r="A15" s="377">
        <v>84649</v>
      </c>
      <c r="B15" s="380" t="s">
        <v>442</v>
      </c>
      <c r="C15" s="503">
        <v>1588</v>
      </c>
      <c r="D15" s="504">
        <v>969</v>
      </c>
      <c r="E15" s="503">
        <v>619</v>
      </c>
      <c r="F15" s="505">
        <v>-31</v>
      </c>
      <c r="G15" s="504">
        <v>-19</v>
      </c>
      <c r="H15" s="503">
        <v>-12</v>
      </c>
      <c r="I15" s="348" t="s">
        <v>72</v>
      </c>
      <c r="J15" s="349" t="s">
        <v>72</v>
      </c>
      <c r="K15" s="349" t="s">
        <v>72</v>
      </c>
      <c r="L15" s="507">
        <v>31</v>
      </c>
      <c r="M15" s="508">
        <v>0.2</v>
      </c>
      <c r="N15" s="505">
        <v>19</v>
      </c>
      <c r="O15" s="509">
        <v>0.2</v>
      </c>
      <c r="P15" s="505">
        <v>12</v>
      </c>
      <c r="Q15" s="509">
        <v>0.2</v>
      </c>
      <c r="R15" s="503">
        <v>1619</v>
      </c>
      <c r="S15" s="504">
        <v>988</v>
      </c>
      <c r="T15" s="503">
        <v>631</v>
      </c>
      <c r="U15" s="505">
        <v>17576</v>
      </c>
      <c r="V15" s="508">
        <v>21.7</v>
      </c>
      <c r="W15" s="505">
        <v>9480</v>
      </c>
      <c r="X15" s="509">
        <v>21.6</v>
      </c>
      <c r="Y15" s="505">
        <v>8096</v>
      </c>
      <c r="Z15" s="509">
        <v>21.8</v>
      </c>
      <c r="AA15" s="505">
        <v>15957</v>
      </c>
      <c r="AB15" s="508">
        <v>22.7</v>
      </c>
      <c r="AC15" s="505">
        <v>8492</v>
      </c>
      <c r="AD15" s="509">
        <v>22</v>
      </c>
      <c r="AE15" s="505">
        <v>7465</v>
      </c>
      <c r="AF15" s="508">
        <v>23.5</v>
      </c>
    </row>
    <row r="16" spans="1:35" s="346" customFormat="1" ht="22.5" customHeight="1">
      <c r="A16" s="377">
        <v>83138</v>
      </c>
      <c r="B16" s="380" t="s">
        <v>443</v>
      </c>
      <c r="C16" s="503">
        <v>1387</v>
      </c>
      <c r="D16" s="504">
        <v>775</v>
      </c>
      <c r="E16" s="503">
        <v>612</v>
      </c>
      <c r="F16" s="505">
        <v>-27</v>
      </c>
      <c r="G16" s="504">
        <v>-17</v>
      </c>
      <c r="H16" s="503">
        <v>-10</v>
      </c>
      <c r="I16" s="348" t="s">
        <v>72</v>
      </c>
      <c r="J16" s="349" t="s">
        <v>72</v>
      </c>
      <c r="K16" s="349" t="s">
        <v>72</v>
      </c>
      <c r="L16" s="505">
        <v>27</v>
      </c>
      <c r="M16" s="508">
        <v>0.2</v>
      </c>
      <c r="N16" s="505">
        <v>17</v>
      </c>
      <c r="O16" s="509">
        <v>0.2</v>
      </c>
      <c r="P16" s="505">
        <v>10</v>
      </c>
      <c r="Q16" s="509">
        <v>0.1</v>
      </c>
      <c r="R16" s="503">
        <v>1414</v>
      </c>
      <c r="S16" s="504">
        <v>792</v>
      </c>
      <c r="T16" s="503">
        <v>622</v>
      </c>
      <c r="U16" s="505">
        <v>11326</v>
      </c>
      <c r="V16" s="508">
        <v>14</v>
      </c>
      <c r="W16" s="505">
        <v>6414</v>
      </c>
      <c r="X16" s="509">
        <v>14.6</v>
      </c>
      <c r="Y16" s="505">
        <v>4912</v>
      </c>
      <c r="Z16" s="509">
        <v>13.3</v>
      </c>
      <c r="AA16" s="505">
        <v>9912</v>
      </c>
      <c r="AB16" s="508">
        <v>14.1</v>
      </c>
      <c r="AC16" s="505">
        <v>5622</v>
      </c>
      <c r="AD16" s="509">
        <v>14.6</v>
      </c>
      <c r="AE16" s="505">
        <v>4290</v>
      </c>
      <c r="AF16" s="508">
        <v>13.5</v>
      </c>
    </row>
    <row r="17" spans="1:32" s="346" customFormat="1" ht="22.5" customHeight="1">
      <c r="A17" s="377">
        <v>89990</v>
      </c>
      <c r="B17" s="380" t="s">
        <v>444</v>
      </c>
      <c r="C17" s="503">
        <v>813</v>
      </c>
      <c r="D17" s="504">
        <v>371</v>
      </c>
      <c r="E17" s="503">
        <v>442</v>
      </c>
      <c r="F17" s="505">
        <v>-46</v>
      </c>
      <c r="G17" s="504">
        <v>-30</v>
      </c>
      <c r="H17" s="503">
        <v>-16</v>
      </c>
      <c r="I17" s="348" t="s">
        <v>72</v>
      </c>
      <c r="J17" s="349" t="s">
        <v>72</v>
      </c>
      <c r="K17" s="349" t="s">
        <v>72</v>
      </c>
      <c r="L17" s="505">
        <v>46</v>
      </c>
      <c r="M17" s="508">
        <v>0.3</v>
      </c>
      <c r="N17" s="505">
        <v>30</v>
      </c>
      <c r="O17" s="509">
        <v>0.3</v>
      </c>
      <c r="P17" s="505">
        <v>16</v>
      </c>
      <c r="Q17" s="509">
        <v>0.2</v>
      </c>
      <c r="R17" s="503">
        <v>859</v>
      </c>
      <c r="S17" s="504">
        <v>401</v>
      </c>
      <c r="T17" s="503">
        <v>458</v>
      </c>
      <c r="U17" s="505">
        <v>6925</v>
      </c>
      <c r="V17" s="508">
        <v>8.6</v>
      </c>
      <c r="W17" s="505">
        <v>4038</v>
      </c>
      <c r="X17" s="509">
        <v>9.1999999999999993</v>
      </c>
      <c r="Y17" s="505">
        <v>2887</v>
      </c>
      <c r="Z17" s="509">
        <v>7.8</v>
      </c>
      <c r="AA17" s="505">
        <v>6066</v>
      </c>
      <c r="AB17" s="508">
        <v>8.6</v>
      </c>
      <c r="AC17" s="505">
        <v>3637</v>
      </c>
      <c r="AD17" s="509">
        <v>9.4</v>
      </c>
      <c r="AE17" s="505">
        <v>2429</v>
      </c>
      <c r="AF17" s="508">
        <v>7.6</v>
      </c>
    </row>
    <row r="18" spans="1:32" s="346" customFormat="1" ht="22.5" customHeight="1">
      <c r="A18" s="377">
        <v>101607</v>
      </c>
      <c r="B18" s="380" t="s">
        <v>445</v>
      </c>
      <c r="C18" s="503">
        <v>412</v>
      </c>
      <c r="D18" s="504">
        <v>231</v>
      </c>
      <c r="E18" s="503">
        <v>181</v>
      </c>
      <c r="F18" s="505">
        <v>-84</v>
      </c>
      <c r="G18" s="504">
        <v>-57</v>
      </c>
      <c r="H18" s="503">
        <v>-27</v>
      </c>
      <c r="I18" s="348" t="s">
        <v>72</v>
      </c>
      <c r="J18" s="349" t="s">
        <v>72</v>
      </c>
      <c r="K18" s="349" t="s">
        <v>72</v>
      </c>
      <c r="L18" s="505">
        <v>84</v>
      </c>
      <c r="M18" s="508">
        <v>0.5</v>
      </c>
      <c r="N18" s="505">
        <v>57</v>
      </c>
      <c r="O18" s="509">
        <v>0.6</v>
      </c>
      <c r="P18" s="505">
        <v>27</v>
      </c>
      <c r="Q18" s="509">
        <v>0.4</v>
      </c>
      <c r="R18" s="503">
        <v>496</v>
      </c>
      <c r="S18" s="504">
        <v>288</v>
      </c>
      <c r="T18" s="503">
        <v>208</v>
      </c>
      <c r="U18" s="505">
        <v>4560</v>
      </c>
      <c r="V18" s="508">
        <v>5.6</v>
      </c>
      <c r="W18" s="505">
        <v>2765</v>
      </c>
      <c r="X18" s="509">
        <v>6.3</v>
      </c>
      <c r="Y18" s="505">
        <v>1795</v>
      </c>
      <c r="Z18" s="509">
        <v>4.8</v>
      </c>
      <c r="AA18" s="505">
        <v>4064</v>
      </c>
      <c r="AB18" s="508">
        <v>5.8</v>
      </c>
      <c r="AC18" s="505">
        <v>2477</v>
      </c>
      <c r="AD18" s="509">
        <v>6.4</v>
      </c>
      <c r="AE18" s="505">
        <v>1587</v>
      </c>
      <c r="AF18" s="508">
        <v>5</v>
      </c>
    </row>
    <row r="19" spans="1:32" s="346" customFormat="1" ht="22.5" customHeight="1">
      <c r="A19" s="355">
        <v>124242</v>
      </c>
      <c r="B19" s="381" t="s">
        <v>446</v>
      </c>
      <c r="C19" s="510">
        <v>147</v>
      </c>
      <c r="D19" s="511">
        <v>45</v>
      </c>
      <c r="E19" s="510">
        <v>102</v>
      </c>
      <c r="F19" s="512">
        <v>-220</v>
      </c>
      <c r="G19" s="511">
        <v>-132</v>
      </c>
      <c r="H19" s="510">
        <v>-88</v>
      </c>
      <c r="I19" s="513" t="s">
        <v>72</v>
      </c>
      <c r="J19" s="514" t="s">
        <v>72</v>
      </c>
      <c r="K19" s="514" t="s">
        <v>72</v>
      </c>
      <c r="L19" s="505">
        <v>220</v>
      </c>
      <c r="M19" s="515">
        <v>1.3</v>
      </c>
      <c r="N19" s="512">
        <v>132</v>
      </c>
      <c r="O19" s="516">
        <v>1.4</v>
      </c>
      <c r="P19" s="512">
        <v>88</v>
      </c>
      <c r="Q19" s="516">
        <v>1.2</v>
      </c>
      <c r="R19" s="510">
        <v>367</v>
      </c>
      <c r="S19" s="511">
        <v>177</v>
      </c>
      <c r="T19" s="510">
        <v>190</v>
      </c>
      <c r="U19" s="512">
        <v>3862</v>
      </c>
      <c r="V19" s="515">
        <v>4.8</v>
      </c>
      <c r="W19" s="512">
        <v>2278</v>
      </c>
      <c r="X19" s="516">
        <v>5.2</v>
      </c>
      <c r="Y19" s="512">
        <v>1584</v>
      </c>
      <c r="Z19" s="516">
        <v>4.3</v>
      </c>
      <c r="AA19" s="512">
        <v>3495</v>
      </c>
      <c r="AB19" s="515">
        <v>5</v>
      </c>
      <c r="AC19" s="512">
        <v>2101</v>
      </c>
      <c r="AD19" s="516">
        <v>5.5</v>
      </c>
      <c r="AE19" s="512">
        <v>1394</v>
      </c>
      <c r="AF19" s="515">
        <v>4.4000000000000004</v>
      </c>
    </row>
    <row r="20" spans="1:32" s="346" customFormat="1" ht="22.5" customHeight="1">
      <c r="A20" s="377">
        <v>131052</v>
      </c>
      <c r="B20" s="380" t="s">
        <v>447</v>
      </c>
      <c r="C20" s="503">
        <v>-162</v>
      </c>
      <c r="D20" s="504">
        <v>-172</v>
      </c>
      <c r="E20" s="503">
        <v>10</v>
      </c>
      <c r="F20" s="505">
        <v>-337</v>
      </c>
      <c r="G20" s="504">
        <v>-237</v>
      </c>
      <c r="H20" s="503">
        <v>-100</v>
      </c>
      <c r="I20" s="348" t="s">
        <v>72</v>
      </c>
      <c r="J20" s="349" t="s">
        <v>72</v>
      </c>
      <c r="K20" s="349" t="s">
        <v>72</v>
      </c>
      <c r="L20" s="507">
        <v>337</v>
      </c>
      <c r="M20" s="508">
        <v>2</v>
      </c>
      <c r="N20" s="505">
        <v>237</v>
      </c>
      <c r="O20" s="509">
        <v>2.5</v>
      </c>
      <c r="P20" s="505">
        <v>100</v>
      </c>
      <c r="Q20" s="509">
        <v>1.3</v>
      </c>
      <c r="R20" s="503">
        <v>175</v>
      </c>
      <c r="S20" s="504">
        <v>65</v>
      </c>
      <c r="T20" s="503">
        <v>110</v>
      </c>
      <c r="U20" s="505">
        <v>3271</v>
      </c>
      <c r="V20" s="508">
        <v>4</v>
      </c>
      <c r="W20" s="505">
        <v>1873</v>
      </c>
      <c r="X20" s="509">
        <v>4.3</v>
      </c>
      <c r="Y20" s="505">
        <v>1398</v>
      </c>
      <c r="Z20" s="509">
        <v>3.8</v>
      </c>
      <c r="AA20" s="505">
        <v>3096</v>
      </c>
      <c r="AB20" s="508">
        <v>4.4000000000000004</v>
      </c>
      <c r="AC20" s="505">
        <v>1808</v>
      </c>
      <c r="AD20" s="509">
        <v>4.7</v>
      </c>
      <c r="AE20" s="505">
        <v>1288</v>
      </c>
      <c r="AF20" s="508">
        <v>4</v>
      </c>
    </row>
    <row r="21" spans="1:32" s="346" customFormat="1" ht="22.5" customHeight="1">
      <c r="A21" s="377">
        <v>107493</v>
      </c>
      <c r="B21" s="380" t="s">
        <v>448</v>
      </c>
      <c r="C21" s="503">
        <v>-334</v>
      </c>
      <c r="D21" s="504">
        <v>-285</v>
      </c>
      <c r="E21" s="503">
        <v>-49</v>
      </c>
      <c r="F21" s="505">
        <v>-438</v>
      </c>
      <c r="G21" s="504">
        <v>-306</v>
      </c>
      <c r="H21" s="503">
        <v>-132</v>
      </c>
      <c r="I21" s="348" t="s">
        <v>72</v>
      </c>
      <c r="J21" s="349" t="s">
        <v>72</v>
      </c>
      <c r="K21" s="349" t="s">
        <v>72</v>
      </c>
      <c r="L21" s="505">
        <v>438</v>
      </c>
      <c r="M21" s="508">
        <v>2.6</v>
      </c>
      <c r="N21" s="505">
        <v>306</v>
      </c>
      <c r="O21" s="509">
        <v>3.2</v>
      </c>
      <c r="P21" s="505">
        <v>132</v>
      </c>
      <c r="Q21" s="509">
        <v>1.7</v>
      </c>
      <c r="R21" s="503">
        <v>104</v>
      </c>
      <c r="S21" s="504">
        <v>21</v>
      </c>
      <c r="T21" s="503">
        <v>83</v>
      </c>
      <c r="U21" s="505">
        <v>2285</v>
      </c>
      <c r="V21" s="508">
        <v>2.8</v>
      </c>
      <c r="W21" s="505">
        <v>1287</v>
      </c>
      <c r="X21" s="509">
        <v>2.9</v>
      </c>
      <c r="Y21" s="505">
        <v>998</v>
      </c>
      <c r="Z21" s="509">
        <v>2.7</v>
      </c>
      <c r="AA21" s="505">
        <v>2181</v>
      </c>
      <c r="AB21" s="508">
        <v>3.1</v>
      </c>
      <c r="AC21" s="505">
        <v>1266</v>
      </c>
      <c r="AD21" s="509">
        <v>3.3</v>
      </c>
      <c r="AE21" s="505">
        <v>915</v>
      </c>
      <c r="AF21" s="508">
        <v>2.9</v>
      </c>
    </row>
    <row r="22" spans="1:32" s="346" customFormat="1" ht="22.5" customHeight="1">
      <c r="A22" s="377">
        <v>86188</v>
      </c>
      <c r="B22" s="380" t="s">
        <v>449</v>
      </c>
      <c r="C22" s="503">
        <v>-486</v>
      </c>
      <c r="D22" s="504">
        <v>-418</v>
      </c>
      <c r="E22" s="503">
        <v>-68</v>
      </c>
      <c r="F22" s="505">
        <v>-498</v>
      </c>
      <c r="G22" s="504">
        <v>-364</v>
      </c>
      <c r="H22" s="503">
        <v>-134</v>
      </c>
      <c r="I22" s="348" t="s">
        <v>72</v>
      </c>
      <c r="J22" s="349" t="s">
        <v>72</v>
      </c>
      <c r="K22" s="349" t="s">
        <v>72</v>
      </c>
      <c r="L22" s="505">
        <v>498</v>
      </c>
      <c r="M22" s="508">
        <v>2.9</v>
      </c>
      <c r="N22" s="505">
        <v>364</v>
      </c>
      <c r="O22" s="509">
        <v>3.8</v>
      </c>
      <c r="P22" s="505">
        <v>134</v>
      </c>
      <c r="Q22" s="509">
        <v>1.8</v>
      </c>
      <c r="R22" s="503">
        <v>12</v>
      </c>
      <c r="S22" s="504">
        <v>-54</v>
      </c>
      <c r="T22" s="503">
        <v>66</v>
      </c>
      <c r="U22" s="505">
        <v>1561</v>
      </c>
      <c r="V22" s="508">
        <v>1.9</v>
      </c>
      <c r="W22" s="505">
        <v>880</v>
      </c>
      <c r="X22" s="509">
        <v>2</v>
      </c>
      <c r="Y22" s="505">
        <v>681</v>
      </c>
      <c r="Z22" s="509">
        <v>1.8</v>
      </c>
      <c r="AA22" s="505">
        <v>1549</v>
      </c>
      <c r="AB22" s="508">
        <v>2.2000000000000002</v>
      </c>
      <c r="AC22" s="505">
        <v>934</v>
      </c>
      <c r="AD22" s="509">
        <v>2.4</v>
      </c>
      <c r="AE22" s="505">
        <v>615</v>
      </c>
      <c r="AF22" s="508">
        <v>1.9</v>
      </c>
    </row>
    <row r="23" spans="1:32" s="346" customFormat="1" ht="22.5" customHeight="1">
      <c r="A23" s="377">
        <v>81291</v>
      </c>
      <c r="B23" s="380" t="s">
        <v>450</v>
      </c>
      <c r="C23" s="503">
        <v>-716</v>
      </c>
      <c r="D23" s="504">
        <v>-529</v>
      </c>
      <c r="E23" s="503">
        <v>-187</v>
      </c>
      <c r="F23" s="505">
        <v>-759</v>
      </c>
      <c r="G23" s="504">
        <v>-515</v>
      </c>
      <c r="H23" s="503">
        <v>-244</v>
      </c>
      <c r="I23" s="348" t="s">
        <v>72</v>
      </c>
      <c r="J23" s="349" t="s">
        <v>72</v>
      </c>
      <c r="K23" s="349" t="s">
        <v>72</v>
      </c>
      <c r="L23" s="505">
        <v>759</v>
      </c>
      <c r="M23" s="508">
        <v>4.4000000000000004</v>
      </c>
      <c r="N23" s="505">
        <v>515</v>
      </c>
      <c r="O23" s="509">
        <v>5.4</v>
      </c>
      <c r="P23" s="505">
        <v>244</v>
      </c>
      <c r="Q23" s="509">
        <v>3.2</v>
      </c>
      <c r="R23" s="503">
        <v>43</v>
      </c>
      <c r="S23" s="504">
        <v>-14</v>
      </c>
      <c r="T23" s="503">
        <v>57</v>
      </c>
      <c r="U23" s="505">
        <v>1179</v>
      </c>
      <c r="V23" s="508">
        <v>1.5</v>
      </c>
      <c r="W23" s="505">
        <v>659</v>
      </c>
      <c r="X23" s="509">
        <v>1.5</v>
      </c>
      <c r="Y23" s="505">
        <v>520</v>
      </c>
      <c r="Z23" s="509">
        <v>1.4</v>
      </c>
      <c r="AA23" s="505">
        <v>1136</v>
      </c>
      <c r="AB23" s="508">
        <v>1.6</v>
      </c>
      <c r="AC23" s="505">
        <v>673</v>
      </c>
      <c r="AD23" s="509">
        <v>1.7</v>
      </c>
      <c r="AE23" s="505">
        <v>463</v>
      </c>
      <c r="AF23" s="508">
        <v>1.5</v>
      </c>
    </row>
    <row r="24" spans="1:32" s="346" customFormat="1" ht="22.5" customHeight="1">
      <c r="A24" s="355">
        <v>106044</v>
      </c>
      <c r="B24" s="380" t="s">
        <v>451</v>
      </c>
      <c r="C24" s="510">
        <v>-1651</v>
      </c>
      <c r="D24" s="511">
        <v>-1112</v>
      </c>
      <c r="E24" s="510">
        <v>-539</v>
      </c>
      <c r="F24" s="512">
        <v>-1688</v>
      </c>
      <c r="G24" s="511">
        <v>-1138</v>
      </c>
      <c r="H24" s="510">
        <v>-550</v>
      </c>
      <c r="I24" s="513" t="s">
        <v>72</v>
      </c>
      <c r="J24" s="514" t="s">
        <v>72</v>
      </c>
      <c r="K24" s="514" t="s">
        <v>72</v>
      </c>
      <c r="L24" s="512">
        <v>1688</v>
      </c>
      <c r="M24" s="515">
        <v>9.9</v>
      </c>
      <c r="N24" s="512">
        <v>1138</v>
      </c>
      <c r="O24" s="516">
        <v>12</v>
      </c>
      <c r="P24" s="512">
        <v>550</v>
      </c>
      <c r="Q24" s="516">
        <v>7.2</v>
      </c>
      <c r="R24" s="510">
        <v>37</v>
      </c>
      <c r="S24" s="511">
        <v>26</v>
      </c>
      <c r="T24" s="510">
        <v>11</v>
      </c>
      <c r="U24" s="512">
        <v>1142</v>
      </c>
      <c r="V24" s="515">
        <v>1.4</v>
      </c>
      <c r="W24" s="512">
        <v>613</v>
      </c>
      <c r="X24" s="516">
        <v>1.4</v>
      </c>
      <c r="Y24" s="512">
        <v>529</v>
      </c>
      <c r="Z24" s="516">
        <v>1.4</v>
      </c>
      <c r="AA24" s="512">
        <v>1105</v>
      </c>
      <c r="AB24" s="515">
        <v>1.6</v>
      </c>
      <c r="AC24" s="512">
        <v>587</v>
      </c>
      <c r="AD24" s="516">
        <v>1.5</v>
      </c>
      <c r="AE24" s="512">
        <v>518</v>
      </c>
      <c r="AF24" s="515">
        <v>1.6</v>
      </c>
    </row>
    <row r="25" spans="1:32" s="346" customFormat="1" ht="22.5" customHeight="1">
      <c r="A25" s="377">
        <v>88757</v>
      </c>
      <c r="B25" s="518" t="s">
        <v>452</v>
      </c>
      <c r="C25" s="503">
        <v>-1961</v>
      </c>
      <c r="D25" s="504">
        <v>-1287</v>
      </c>
      <c r="E25" s="503">
        <v>-674</v>
      </c>
      <c r="F25" s="505">
        <v>-2108</v>
      </c>
      <c r="G25" s="504">
        <v>-1362</v>
      </c>
      <c r="H25" s="503">
        <v>-746</v>
      </c>
      <c r="I25" s="348" t="s">
        <v>72</v>
      </c>
      <c r="J25" s="349" t="s">
        <v>72</v>
      </c>
      <c r="K25" s="349" t="s">
        <v>72</v>
      </c>
      <c r="L25" s="507">
        <v>2108</v>
      </c>
      <c r="M25" s="508">
        <v>12.4</v>
      </c>
      <c r="N25" s="505">
        <v>1362</v>
      </c>
      <c r="O25" s="509">
        <v>14.4</v>
      </c>
      <c r="P25" s="505">
        <v>746</v>
      </c>
      <c r="Q25" s="509">
        <v>9.8000000000000007</v>
      </c>
      <c r="R25" s="503">
        <v>147</v>
      </c>
      <c r="S25" s="504">
        <v>75</v>
      </c>
      <c r="T25" s="503">
        <v>72</v>
      </c>
      <c r="U25" s="505">
        <v>922</v>
      </c>
      <c r="V25" s="508">
        <v>1.1000000000000001</v>
      </c>
      <c r="W25" s="505">
        <v>426</v>
      </c>
      <c r="X25" s="509">
        <v>1</v>
      </c>
      <c r="Y25" s="505">
        <v>496</v>
      </c>
      <c r="Z25" s="509">
        <v>1.3</v>
      </c>
      <c r="AA25" s="505">
        <v>775</v>
      </c>
      <c r="AB25" s="508">
        <v>1.1000000000000001</v>
      </c>
      <c r="AC25" s="505">
        <v>351</v>
      </c>
      <c r="AD25" s="509">
        <v>0.9</v>
      </c>
      <c r="AE25" s="505">
        <v>424</v>
      </c>
      <c r="AF25" s="508">
        <v>1.3</v>
      </c>
    </row>
    <row r="26" spans="1:32" s="346" customFormat="1" ht="22.5" customHeight="1">
      <c r="A26" s="377">
        <v>70281</v>
      </c>
      <c r="B26" s="380" t="s">
        <v>453</v>
      </c>
      <c r="C26" s="503">
        <v>-2964</v>
      </c>
      <c r="D26" s="504">
        <v>-1842</v>
      </c>
      <c r="E26" s="503">
        <v>-1122</v>
      </c>
      <c r="F26" s="505">
        <v>-3165</v>
      </c>
      <c r="G26" s="504">
        <v>-1917</v>
      </c>
      <c r="H26" s="503">
        <v>-1248</v>
      </c>
      <c r="I26" s="348" t="s">
        <v>72</v>
      </c>
      <c r="J26" s="349" t="s">
        <v>72</v>
      </c>
      <c r="K26" s="349" t="s">
        <v>72</v>
      </c>
      <c r="L26" s="505">
        <v>3165</v>
      </c>
      <c r="M26" s="508">
        <v>18.5</v>
      </c>
      <c r="N26" s="505">
        <v>1917</v>
      </c>
      <c r="O26" s="509">
        <v>20.3</v>
      </c>
      <c r="P26" s="505">
        <v>1248</v>
      </c>
      <c r="Q26" s="509">
        <v>16.399999999999999</v>
      </c>
      <c r="R26" s="503">
        <v>201</v>
      </c>
      <c r="S26" s="504">
        <v>75</v>
      </c>
      <c r="T26" s="503">
        <v>126</v>
      </c>
      <c r="U26" s="505">
        <v>878</v>
      </c>
      <c r="V26" s="508">
        <v>1.1000000000000001</v>
      </c>
      <c r="W26" s="505">
        <v>321</v>
      </c>
      <c r="X26" s="509">
        <v>0.7</v>
      </c>
      <c r="Y26" s="505">
        <v>557</v>
      </c>
      <c r="Z26" s="509">
        <v>1.5</v>
      </c>
      <c r="AA26" s="505">
        <v>677</v>
      </c>
      <c r="AB26" s="508">
        <v>1</v>
      </c>
      <c r="AC26" s="505">
        <v>246</v>
      </c>
      <c r="AD26" s="509">
        <v>0.6</v>
      </c>
      <c r="AE26" s="505">
        <v>431</v>
      </c>
      <c r="AF26" s="508">
        <v>1.4</v>
      </c>
    </row>
    <row r="27" spans="1:32" s="346" customFormat="1" ht="22.5" customHeight="1">
      <c r="A27" s="377">
        <v>39899</v>
      </c>
      <c r="B27" s="380" t="s">
        <v>454</v>
      </c>
      <c r="C27" s="503">
        <v>-3136</v>
      </c>
      <c r="D27" s="504">
        <v>-1767</v>
      </c>
      <c r="E27" s="503">
        <v>-1369</v>
      </c>
      <c r="F27" s="505">
        <v>-3390</v>
      </c>
      <c r="G27" s="504">
        <v>-1853</v>
      </c>
      <c r="H27" s="503">
        <v>-1537</v>
      </c>
      <c r="I27" s="348" t="s">
        <v>72</v>
      </c>
      <c r="J27" s="349" t="s">
        <v>72</v>
      </c>
      <c r="K27" s="349" t="s">
        <v>72</v>
      </c>
      <c r="L27" s="505">
        <v>3390</v>
      </c>
      <c r="M27" s="508">
        <v>19.899999999999999</v>
      </c>
      <c r="N27" s="505">
        <v>1853</v>
      </c>
      <c r="O27" s="509">
        <v>19.600000000000001</v>
      </c>
      <c r="P27" s="505">
        <v>1537</v>
      </c>
      <c r="Q27" s="509">
        <v>20.2</v>
      </c>
      <c r="R27" s="503">
        <v>254</v>
      </c>
      <c r="S27" s="504">
        <v>86</v>
      </c>
      <c r="T27" s="503">
        <v>168</v>
      </c>
      <c r="U27" s="505">
        <v>775</v>
      </c>
      <c r="V27" s="508">
        <v>1</v>
      </c>
      <c r="W27" s="505">
        <v>256</v>
      </c>
      <c r="X27" s="509">
        <v>0.6</v>
      </c>
      <c r="Y27" s="505">
        <v>519</v>
      </c>
      <c r="Z27" s="509">
        <v>1.4</v>
      </c>
      <c r="AA27" s="505">
        <v>521</v>
      </c>
      <c r="AB27" s="508">
        <v>0.7</v>
      </c>
      <c r="AC27" s="505">
        <v>170</v>
      </c>
      <c r="AD27" s="509">
        <v>0.4</v>
      </c>
      <c r="AE27" s="505">
        <v>351</v>
      </c>
      <c r="AF27" s="508">
        <v>1.1000000000000001</v>
      </c>
    </row>
    <row r="28" spans="1:32" s="346" customFormat="1" ht="22.5" customHeight="1">
      <c r="A28" s="377">
        <v>17010</v>
      </c>
      <c r="B28" s="380" t="s">
        <v>455</v>
      </c>
      <c r="C28" s="503">
        <v>-2475</v>
      </c>
      <c r="D28" s="504">
        <v>-1032</v>
      </c>
      <c r="E28" s="503">
        <v>-1443</v>
      </c>
      <c r="F28" s="505">
        <v>-2585</v>
      </c>
      <c r="G28" s="504">
        <v>-1065</v>
      </c>
      <c r="H28" s="503">
        <v>-1520</v>
      </c>
      <c r="I28" s="348" t="s">
        <v>72</v>
      </c>
      <c r="J28" s="349" t="s">
        <v>72</v>
      </c>
      <c r="K28" s="349" t="s">
        <v>72</v>
      </c>
      <c r="L28" s="505">
        <v>2585</v>
      </c>
      <c r="M28" s="508">
        <v>15.1</v>
      </c>
      <c r="N28" s="505">
        <v>1065</v>
      </c>
      <c r="O28" s="509">
        <v>11.3</v>
      </c>
      <c r="P28" s="505">
        <v>1520</v>
      </c>
      <c r="Q28" s="509">
        <v>20</v>
      </c>
      <c r="R28" s="503">
        <v>110</v>
      </c>
      <c r="S28" s="504">
        <v>33</v>
      </c>
      <c r="T28" s="503">
        <v>77</v>
      </c>
      <c r="U28" s="505">
        <v>370</v>
      </c>
      <c r="V28" s="508">
        <v>0.5</v>
      </c>
      <c r="W28" s="505">
        <v>111</v>
      </c>
      <c r="X28" s="509">
        <v>0.3</v>
      </c>
      <c r="Y28" s="505">
        <v>259</v>
      </c>
      <c r="Z28" s="509">
        <v>0.7</v>
      </c>
      <c r="AA28" s="505">
        <v>260</v>
      </c>
      <c r="AB28" s="508">
        <v>0.4</v>
      </c>
      <c r="AC28" s="505">
        <v>78</v>
      </c>
      <c r="AD28" s="509">
        <v>0.2</v>
      </c>
      <c r="AE28" s="505">
        <v>182</v>
      </c>
      <c r="AF28" s="508">
        <v>0.6</v>
      </c>
    </row>
    <row r="29" spans="1:32" s="346" customFormat="1" ht="22.5" customHeight="1">
      <c r="A29" s="355">
        <v>4422</v>
      </c>
      <c r="B29" s="381" t="s">
        <v>456</v>
      </c>
      <c r="C29" s="510">
        <v>-1225</v>
      </c>
      <c r="D29" s="511">
        <v>-342</v>
      </c>
      <c r="E29" s="510">
        <v>-883</v>
      </c>
      <c r="F29" s="512">
        <v>-1275</v>
      </c>
      <c r="G29" s="511">
        <v>-352</v>
      </c>
      <c r="H29" s="510">
        <v>-923</v>
      </c>
      <c r="I29" s="513" t="s">
        <v>72</v>
      </c>
      <c r="J29" s="514" t="s">
        <v>72</v>
      </c>
      <c r="K29" s="514" t="s">
        <v>72</v>
      </c>
      <c r="L29" s="505">
        <v>1275</v>
      </c>
      <c r="M29" s="515">
        <v>7.5</v>
      </c>
      <c r="N29" s="512">
        <v>352</v>
      </c>
      <c r="O29" s="516">
        <v>3.7</v>
      </c>
      <c r="P29" s="512">
        <v>923</v>
      </c>
      <c r="Q29" s="516">
        <v>12.1</v>
      </c>
      <c r="R29" s="510">
        <v>50</v>
      </c>
      <c r="S29" s="511">
        <v>10</v>
      </c>
      <c r="T29" s="510">
        <v>40</v>
      </c>
      <c r="U29" s="512">
        <v>120</v>
      </c>
      <c r="V29" s="515">
        <v>0.1</v>
      </c>
      <c r="W29" s="512">
        <v>27</v>
      </c>
      <c r="X29" s="516">
        <v>0.1</v>
      </c>
      <c r="Y29" s="512">
        <v>93</v>
      </c>
      <c r="Z29" s="516">
        <v>0.3</v>
      </c>
      <c r="AA29" s="512">
        <v>70</v>
      </c>
      <c r="AB29" s="515">
        <v>0.1</v>
      </c>
      <c r="AC29" s="512">
        <v>17</v>
      </c>
      <c r="AD29" s="516">
        <v>0</v>
      </c>
      <c r="AE29" s="512">
        <v>53</v>
      </c>
      <c r="AF29" s="515">
        <v>0.2</v>
      </c>
    </row>
    <row r="30" spans="1:32" s="346" customFormat="1" ht="22.5" customHeight="1">
      <c r="A30" s="519">
        <v>719</v>
      </c>
      <c r="B30" s="520" t="s">
        <v>457</v>
      </c>
      <c r="C30" s="521">
        <v>-327</v>
      </c>
      <c r="D30" s="522">
        <v>-48</v>
      </c>
      <c r="E30" s="523">
        <v>-279</v>
      </c>
      <c r="F30" s="523">
        <v>-336</v>
      </c>
      <c r="G30" s="522">
        <v>-51</v>
      </c>
      <c r="H30" s="524">
        <v>-285</v>
      </c>
      <c r="I30" s="525" t="s">
        <v>72</v>
      </c>
      <c r="J30" s="526" t="s">
        <v>72</v>
      </c>
      <c r="K30" s="526" t="s">
        <v>72</v>
      </c>
      <c r="L30" s="523">
        <v>336</v>
      </c>
      <c r="M30" s="879">
        <v>2</v>
      </c>
      <c r="N30" s="523">
        <v>51</v>
      </c>
      <c r="O30" s="880">
        <v>0.5</v>
      </c>
      <c r="P30" s="523">
        <v>285</v>
      </c>
      <c r="Q30" s="880">
        <v>3.7</v>
      </c>
      <c r="R30" s="524">
        <v>9</v>
      </c>
      <c r="S30" s="522">
        <v>3</v>
      </c>
      <c r="T30" s="523">
        <v>6</v>
      </c>
      <c r="U30" s="523">
        <v>18</v>
      </c>
      <c r="V30" s="879">
        <v>0</v>
      </c>
      <c r="W30" s="523">
        <v>3</v>
      </c>
      <c r="X30" s="880">
        <v>0</v>
      </c>
      <c r="Y30" s="523">
        <v>15</v>
      </c>
      <c r="Z30" s="880">
        <v>0</v>
      </c>
      <c r="AA30" s="523">
        <v>9</v>
      </c>
      <c r="AB30" s="879">
        <v>0</v>
      </c>
      <c r="AC30" s="523">
        <v>0</v>
      </c>
      <c r="AD30" s="880">
        <v>0</v>
      </c>
      <c r="AE30" s="523">
        <v>9</v>
      </c>
      <c r="AF30" s="879">
        <v>0</v>
      </c>
    </row>
    <row r="31" spans="1:32" s="346" customFormat="1" ht="22.5" customHeight="1">
      <c r="A31" s="377">
        <v>179899</v>
      </c>
      <c r="B31" s="347" t="s">
        <v>458</v>
      </c>
      <c r="C31" s="503">
        <v>11074</v>
      </c>
      <c r="D31" s="504">
        <v>5672</v>
      </c>
      <c r="E31" s="503">
        <v>5402</v>
      </c>
      <c r="F31" s="505">
        <v>9898</v>
      </c>
      <c r="G31" s="504">
        <v>5080</v>
      </c>
      <c r="H31" s="503">
        <v>4818</v>
      </c>
      <c r="I31" s="505">
        <v>9934</v>
      </c>
      <c r="J31" s="504">
        <v>5099</v>
      </c>
      <c r="K31" s="504">
        <v>4835</v>
      </c>
      <c r="L31" s="505">
        <v>36</v>
      </c>
      <c r="M31" s="508">
        <v>0.2</v>
      </c>
      <c r="N31" s="505">
        <v>19</v>
      </c>
      <c r="O31" s="509">
        <v>0.2</v>
      </c>
      <c r="P31" s="505">
        <v>17</v>
      </c>
      <c r="Q31" s="509">
        <v>0.2</v>
      </c>
      <c r="R31" s="503">
        <v>1176</v>
      </c>
      <c r="S31" s="504">
        <v>592</v>
      </c>
      <c r="T31" s="505">
        <v>584</v>
      </c>
      <c r="U31" s="505">
        <v>7264</v>
      </c>
      <c r="V31" s="508">
        <v>9</v>
      </c>
      <c r="W31" s="505">
        <v>3705</v>
      </c>
      <c r="X31" s="509">
        <v>8.4</v>
      </c>
      <c r="Y31" s="505">
        <v>3559</v>
      </c>
      <c r="Z31" s="509">
        <v>9.6</v>
      </c>
      <c r="AA31" s="505">
        <v>6088</v>
      </c>
      <c r="AB31" s="508">
        <v>8.6999999999999993</v>
      </c>
      <c r="AC31" s="505">
        <v>3113</v>
      </c>
      <c r="AD31" s="509">
        <v>8.1</v>
      </c>
      <c r="AE31" s="505">
        <v>2975</v>
      </c>
      <c r="AF31" s="508">
        <v>9.3000000000000007</v>
      </c>
    </row>
    <row r="32" spans="1:32" s="346" customFormat="1" ht="22.5" customHeight="1">
      <c r="A32" s="377">
        <v>963189</v>
      </c>
      <c r="B32" s="347" t="s">
        <v>459</v>
      </c>
      <c r="C32" s="503">
        <v>6886</v>
      </c>
      <c r="D32" s="504">
        <v>3325</v>
      </c>
      <c r="E32" s="503">
        <v>3561</v>
      </c>
      <c r="F32" s="505">
        <v>-1722</v>
      </c>
      <c r="G32" s="504">
        <v>-1190</v>
      </c>
      <c r="H32" s="503">
        <v>-532</v>
      </c>
      <c r="I32" s="348" t="s">
        <v>72</v>
      </c>
      <c r="J32" s="349" t="s">
        <v>72</v>
      </c>
      <c r="K32" s="349" t="s">
        <v>72</v>
      </c>
      <c r="L32" s="505">
        <v>1722</v>
      </c>
      <c r="M32" s="508">
        <v>10.1</v>
      </c>
      <c r="N32" s="505">
        <v>1190</v>
      </c>
      <c r="O32" s="509">
        <v>12.6</v>
      </c>
      <c r="P32" s="505">
        <v>532</v>
      </c>
      <c r="Q32" s="509">
        <v>7</v>
      </c>
      <c r="R32" s="503">
        <v>8608</v>
      </c>
      <c r="S32" s="504">
        <v>4515</v>
      </c>
      <c r="T32" s="503">
        <v>4093</v>
      </c>
      <c r="U32" s="505">
        <v>68320</v>
      </c>
      <c r="V32" s="508">
        <v>84.4</v>
      </c>
      <c r="W32" s="505">
        <v>37805</v>
      </c>
      <c r="X32" s="509">
        <v>86.1</v>
      </c>
      <c r="Y32" s="505">
        <v>30515</v>
      </c>
      <c r="Z32" s="509">
        <v>82.3</v>
      </c>
      <c r="AA32" s="505">
        <v>59712</v>
      </c>
      <c r="AB32" s="508">
        <v>84.9</v>
      </c>
      <c r="AC32" s="505">
        <v>33290</v>
      </c>
      <c r="AD32" s="509">
        <v>86.4</v>
      </c>
      <c r="AE32" s="505">
        <v>26422</v>
      </c>
      <c r="AF32" s="508">
        <v>83</v>
      </c>
    </row>
    <row r="33" spans="1:32" s="346" customFormat="1" ht="22.5" customHeight="1" thickBot="1">
      <c r="A33" s="527">
        <v>408423</v>
      </c>
      <c r="B33" s="350" t="s">
        <v>460</v>
      </c>
      <c r="C33" s="528">
        <v>-14455</v>
      </c>
      <c r="D33" s="529">
        <v>-7959</v>
      </c>
      <c r="E33" s="528">
        <v>-6496</v>
      </c>
      <c r="F33" s="530">
        <v>-15306</v>
      </c>
      <c r="G33" s="529">
        <v>-8253</v>
      </c>
      <c r="H33" s="528">
        <v>-7053</v>
      </c>
      <c r="I33" s="351" t="s">
        <v>72</v>
      </c>
      <c r="J33" s="352" t="s">
        <v>72</v>
      </c>
      <c r="K33" s="352" t="s">
        <v>72</v>
      </c>
      <c r="L33" s="530">
        <v>15306</v>
      </c>
      <c r="M33" s="531">
        <v>89.7</v>
      </c>
      <c r="N33" s="530">
        <v>8253</v>
      </c>
      <c r="O33" s="532">
        <v>87.2</v>
      </c>
      <c r="P33" s="530">
        <v>7053</v>
      </c>
      <c r="Q33" s="532">
        <v>92.8</v>
      </c>
      <c r="R33" s="528">
        <v>851</v>
      </c>
      <c r="S33" s="529">
        <v>294</v>
      </c>
      <c r="T33" s="528">
        <v>557</v>
      </c>
      <c r="U33" s="530">
        <v>5404</v>
      </c>
      <c r="V33" s="531">
        <v>6.7</v>
      </c>
      <c r="W33" s="530">
        <v>2416</v>
      </c>
      <c r="X33" s="532">
        <v>5.5</v>
      </c>
      <c r="Y33" s="530">
        <v>2988</v>
      </c>
      <c r="Z33" s="532">
        <v>8.1</v>
      </c>
      <c r="AA33" s="530">
        <v>4553</v>
      </c>
      <c r="AB33" s="531">
        <v>6.5</v>
      </c>
      <c r="AC33" s="530">
        <v>2122</v>
      </c>
      <c r="AD33" s="532">
        <v>5.5</v>
      </c>
      <c r="AE33" s="530">
        <v>2431</v>
      </c>
      <c r="AF33" s="531">
        <v>7.6</v>
      </c>
    </row>
    <row r="34" spans="1:32" ht="12" customHeight="1" thickTop="1">
      <c r="A34" s="384"/>
      <c r="B34" s="384"/>
      <c r="C34" s="384"/>
      <c r="D34" s="384"/>
      <c r="E34" s="384"/>
      <c r="F34" s="384"/>
      <c r="G34" s="384"/>
    </row>
    <row r="35" spans="1:32" s="353" customFormat="1" ht="18" customHeight="1">
      <c r="A35" s="533" t="s">
        <v>463</v>
      </c>
      <c r="B35" s="490"/>
      <c r="C35" s="490"/>
      <c r="D35" s="490"/>
      <c r="E35" s="490"/>
      <c r="F35" s="490"/>
      <c r="G35" s="490"/>
      <c r="H35" s="490"/>
      <c r="I35" s="491"/>
    </row>
    <row r="36" spans="1:32" s="353" customFormat="1" ht="18" customHeight="1">
      <c r="A36" s="533" t="s">
        <v>507</v>
      </c>
    </row>
    <row r="37" spans="1:32" s="353" customFormat="1" ht="18" customHeight="1">
      <c r="A37" s="533" t="s">
        <v>508</v>
      </c>
      <c r="B37" s="492"/>
      <c r="C37" s="492"/>
      <c r="D37" s="492"/>
      <c r="E37" s="492"/>
      <c r="F37" s="492"/>
      <c r="G37" s="492"/>
      <c r="H37" s="492"/>
      <c r="I37" s="492"/>
    </row>
    <row r="38" spans="1:32" s="353" customFormat="1" ht="18" customHeight="1">
      <c r="A38" s="533" t="s">
        <v>509</v>
      </c>
    </row>
    <row r="48" spans="1:32">
      <c r="A48" s="534"/>
    </row>
  </sheetData>
  <mergeCells count="15">
    <mergeCell ref="A2:A6"/>
    <mergeCell ref="C4:E4"/>
    <mergeCell ref="F4:H4"/>
    <mergeCell ref="I4:K4"/>
    <mergeCell ref="L4:Q4"/>
    <mergeCell ref="U4:Z4"/>
    <mergeCell ref="AA4:AF4"/>
    <mergeCell ref="C5:E5"/>
    <mergeCell ref="F5:H5"/>
    <mergeCell ref="I5:K5"/>
    <mergeCell ref="L5:Q5"/>
    <mergeCell ref="R5:T5"/>
    <mergeCell ref="U5:Z5"/>
    <mergeCell ref="AA5:AF5"/>
    <mergeCell ref="R4:T4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72" firstPageNumber="22" orientation="landscape" blackAndWhite="1" r:id="rId1"/>
  <headerFooter scaleWithDoc="0"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72"/>
  <sheetViews>
    <sheetView zoomScaleNormal="100" workbookViewId="0"/>
  </sheetViews>
  <sheetFormatPr defaultRowHeight="12"/>
  <cols>
    <col min="1" max="1" width="6.5" style="59" customWidth="1"/>
    <col min="2" max="2" width="12.375" style="59" customWidth="1"/>
    <col min="3" max="3" width="13.75" style="59" customWidth="1"/>
    <col min="4" max="4" width="9.75" style="59" customWidth="1"/>
    <col min="5" max="5" width="13.75" style="59" customWidth="1"/>
    <col min="6" max="6" width="9.75" style="59" customWidth="1"/>
    <col min="7" max="7" width="13.75" style="59" customWidth="1"/>
    <col min="8" max="8" width="9.75" style="59" customWidth="1"/>
    <col min="9" max="16384" width="9" style="59"/>
  </cols>
  <sheetData>
    <row r="1" spans="1:9" ht="15" customHeight="1" thickBot="1">
      <c r="A1" s="787" t="s">
        <v>40</v>
      </c>
    </row>
    <row r="2" spans="1:9" ht="12.75" customHeight="1" thickTop="1">
      <c r="A2" s="788" t="s">
        <v>41</v>
      </c>
      <c r="B2" s="789"/>
      <c r="C2" s="930" t="s">
        <v>42</v>
      </c>
      <c r="D2" s="931"/>
      <c r="E2" s="930" t="s">
        <v>43</v>
      </c>
      <c r="F2" s="931"/>
      <c r="G2" s="930" t="s">
        <v>44</v>
      </c>
      <c r="H2" s="934"/>
      <c r="I2" s="790"/>
    </row>
    <row r="3" spans="1:9" ht="11.25" customHeight="1">
      <c r="A3" s="791" t="s">
        <v>45</v>
      </c>
      <c r="B3" s="792" t="s">
        <v>46</v>
      </c>
      <c r="C3" s="932"/>
      <c r="D3" s="933"/>
      <c r="E3" s="932"/>
      <c r="F3" s="933"/>
      <c r="G3" s="932"/>
      <c r="H3" s="935"/>
      <c r="I3" s="790"/>
    </row>
    <row r="4" spans="1:9" ht="12.75" customHeight="1">
      <c r="A4" s="793" t="s">
        <v>47</v>
      </c>
      <c r="B4" s="794"/>
      <c r="C4" s="795" t="s">
        <v>48</v>
      </c>
      <c r="D4" s="796" t="s">
        <v>49</v>
      </c>
      <c r="E4" s="795" t="s">
        <v>50</v>
      </c>
      <c r="F4" s="797" t="s">
        <v>51</v>
      </c>
      <c r="G4" s="795" t="s">
        <v>50</v>
      </c>
      <c r="H4" s="797" t="s">
        <v>51</v>
      </c>
    </row>
    <row r="5" spans="1:9" s="30" customFormat="1" ht="11.25" customHeight="1">
      <c r="A5" s="53"/>
      <c r="B5" s="54"/>
      <c r="C5" s="55" t="s">
        <v>10</v>
      </c>
      <c r="D5" s="56" t="s">
        <v>12</v>
      </c>
      <c r="E5" s="55" t="s">
        <v>10</v>
      </c>
      <c r="F5" s="57" t="s">
        <v>12</v>
      </c>
      <c r="G5" s="55" t="s">
        <v>10</v>
      </c>
      <c r="H5" s="57" t="s">
        <v>12</v>
      </c>
      <c r="I5" s="58"/>
    </row>
    <row r="6" spans="1:9" ht="13.5">
      <c r="A6" s="798"/>
      <c r="B6" s="799" t="s">
        <v>53</v>
      </c>
      <c r="C6" s="800">
        <v>9227901</v>
      </c>
      <c r="D6" s="801" t="s">
        <v>54</v>
      </c>
      <c r="E6" s="802">
        <v>4574834</v>
      </c>
      <c r="F6" s="803" t="s">
        <v>54</v>
      </c>
      <c r="G6" s="802">
        <v>4653067</v>
      </c>
      <c r="H6" s="804" t="s">
        <v>54</v>
      </c>
    </row>
    <row r="7" spans="1:9" ht="12.6" customHeight="1">
      <c r="A7" s="798" t="s">
        <v>55</v>
      </c>
      <c r="B7" s="805" t="s">
        <v>56</v>
      </c>
      <c r="C7" s="806">
        <v>666586</v>
      </c>
      <c r="D7" s="807">
        <v>7.3951464144379893</v>
      </c>
      <c r="E7" s="806">
        <v>341368</v>
      </c>
      <c r="F7" s="808">
        <v>7.6552371529535979</v>
      </c>
      <c r="G7" s="806">
        <v>325218</v>
      </c>
      <c r="H7" s="807">
        <v>7.1404968693991533</v>
      </c>
    </row>
    <row r="8" spans="1:9" ht="12.6" customHeight="1">
      <c r="A8" s="798" t="s">
        <v>57</v>
      </c>
      <c r="B8" s="809" t="s">
        <v>58</v>
      </c>
      <c r="C8" s="810">
        <v>777964</v>
      </c>
      <c r="D8" s="807">
        <v>8.6307808522258735</v>
      </c>
      <c r="E8" s="810">
        <v>399154</v>
      </c>
      <c r="F8" s="807">
        <v>8.9510983177979195</v>
      </c>
      <c r="G8" s="810">
        <v>378810</v>
      </c>
      <c r="H8" s="807">
        <v>8.3171645453114333</v>
      </c>
    </row>
    <row r="9" spans="1:9" ht="12.6" customHeight="1">
      <c r="A9" s="798">
        <v>5</v>
      </c>
      <c r="B9" s="809" t="s">
        <v>59</v>
      </c>
      <c r="C9" s="810">
        <v>992385</v>
      </c>
      <c r="D9" s="807">
        <v>11.009580721005308</v>
      </c>
      <c r="E9" s="810">
        <v>509123</v>
      </c>
      <c r="F9" s="807">
        <v>11.417172391739104</v>
      </c>
      <c r="G9" s="810">
        <v>483262</v>
      </c>
      <c r="H9" s="807">
        <v>10.610516017254806</v>
      </c>
    </row>
    <row r="10" spans="1:9" ht="12.6" customHeight="1">
      <c r="A10" s="798" t="s">
        <v>47</v>
      </c>
      <c r="B10" s="809" t="s">
        <v>60</v>
      </c>
      <c r="C10" s="810">
        <v>1016426</v>
      </c>
      <c r="D10" s="807">
        <v>11.276293065623262</v>
      </c>
      <c r="E10" s="810">
        <v>523484</v>
      </c>
      <c r="F10" s="807">
        <v>11.73922033048429</v>
      </c>
      <c r="G10" s="811">
        <v>492942</v>
      </c>
      <c r="H10" s="807">
        <v>10.823050408634693</v>
      </c>
    </row>
    <row r="11" spans="1:9" ht="12.6" customHeight="1">
      <c r="A11" s="798">
        <v>1</v>
      </c>
      <c r="B11" s="812" t="s">
        <v>61</v>
      </c>
      <c r="C11" s="813">
        <v>1315285</v>
      </c>
      <c r="D11" s="814">
        <v>14.591853341825466</v>
      </c>
      <c r="E11" s="813">
        <v>672389</v>
      </c>
      <c r="F11" s="814">
        <v>15.078441019771379</v>
      </c>
      <c r="G11" s="813">
        <v>642896</v>
      </c>
      <c r="H11" s="815">
        <v>14.115445256256537</v>
      </c>
    </row>
    <row r="12" spans="1:9" ht="12.6" customHeight="1">
      <c r="A12" s="798" t="s">
        <v>62</v>
      </c>
      <c r="B12" s="809" t="s">
        <v>63</v>
      </c>
      <c r="C12" s="810">
        <v>1404065</v>
      </c>
      <c r="D12" s="807">
        <v>15.576784166465957</v>
      </c>
      <c r="E12" s="810">
        <v>721308</v>
      </c>
      <c r="F12" s="807">
        <v>16.17545815753865</v>
      </c>
      <c r="G12" s="810">
        <v>682757</v>
      </c>
      <c r="H12" s="807">
        <v>14.99063465447902</v>
      </c>
    </row>
    <row r="13" spans="1:9" ht="12.6" customHeight="1">
      <c r="A13" s="798">
        <v>1</v>
      </c>
      <c r="B13" s="809" t="s">
        <v>64</v>
      </c>
      <c r="C13" s="810">
        <v>977593</v>
      </c>
      <c r="D13" s="807">
        <v>10.845477355854575</v>
      </c>
      <c r="E13" s="810">
        <v>491374</v>
      </c>
      <c r="F13" s="807">
        <v>11.019147959959401</v>
      </c>
      <c r="G13" s="810">
        <v>486219</v>
      </c>
      <c r="H13" s="807">
        <v>10.675440004373641</v>
      </c>
    </row>
    <row r="14" spans="1:9" ht="12.6" customHeight="1">
      <c r="A14" s="798" t="s">
        <v>65</v>
      </c>
      <c r="B14" s="809" t="s">
        <v>66</v>
      </c>
      <c r="C14" s="810">
        <v>1068153</v>
      </c>
      <c r="D14" s="807">
        <v>11.850155610860687</v>
      </c>
      <c r="E14" s="810">
        <v>495029</v>
      </c>
      <c r="F14" s="807">
        <v>11.10111197472952</v>
      </c>
      <c r="G14" s="810">
        <v>573124</v>
      </c>
      <c r="H14" s="807">
        <v>12.583528979876638</v>
      </c>
    </row>
    <row r="15" spans="1:9" ht="12.6" customHeight="1">
      <c r="A15" s="798" t="s">
        <v>67</v>
      </c>
      <c r="B15" s="809" t="s">
        <v>68</v>
      </c>
      <c r="C15" s="810">
        <v>641558</v>
      </c>
      <c r="D15" s="807">
        <v>7.1174842306229174</v>
      </c>
      <c r="E15" s="810">
        <v>263298</v>
      </c>
      <c r="F15" s="807">
        <v>5.9045037376039238</v>
      </c>
      <c r="G15" s="810">
        <v>378260</v>
      </c>
      <c r="H15" s="807">
        <v>8.3050887276193937</v>
      </c>
    </row>
    <row r="16" spans="1:9" ht="12.6" customHeight="1">
      <c r="A16" s="798" t="s">
        <v>69</v>
      </c>
      <c r="B16" s="809" t="s">
        <v>70</v>
      </c>
      <c r="C16" s="810">
        <v>148782</v>
      </c>
      <c r="D16" s="807">
        <v>1.6505967329540567</v>
      </c>
      <c r="E16" s="810">
        <v>42058</v>
      </c>
      <c r="F16" s="814">
        <v>0.94315801181986125</v>
      </c>
      <c r="G16" s="810">
        <v>106724</v>
      </c>
      <c r="H16" s="815">
        <v>2.3432355770275795</v>
      </c>
    </row>
    <row r="17" spans="1:9" ht="12.6" customHeight="1" thickBot="1">
      <c r="A17" s="832"/>
      <c r="B17" s="833" t="s">
        <v>71</v>
      </c>
      <c r="C17" s="834">
        <v>5034</v>
      </c>
      <c r="D17" s="835">
        <v>5.5847508123904252E-2</v>
      </c>
      <c r="E17" s="836">
        <v>689</v>
      </c>
      <c r="F17" s="837">
        <v>1.54509456023559E-2</v>
      </c>
      <c r="G17" s="838">
        <v>4345</v>
      </c>
      <c r="H17" s="839">
        <v>9.539895976710798E-2</v>
      </c>
    </row>
    <row r="18" spans="1:9" s="30" customFormat="1" ht="11.25" customHeight="1" thickTop="1">
      <c r="A18" s="53"/>
      <c r="B18" s="828"/>
      <c r="C18" s="829" t="s">
        <v>10</v>
      </c>
      <c r="D18" s="830" t="s">
        <v>12</v>
      </c>
      <c r="E18" s="829" t="s">
        <v>10</v>
      </c>
      <c r="F18" s="831" t="s">
        <v>12</v>
      </c>
      <c r="G18" s="829" t="s">
        <v>10</v>
      </c>
      <c r="H18" s="831" t="s">
        <v>12</v>
      </c>
      <c r="I18" s="58"/>
    </row>
    <row r="19" spans="1:9" ht="13.5" customHeight="1">
      <c r="A19" s="798"/>
      <c r="B19" s="799" t="s">
        <v>53</v>
      </c>
      <c r="C19" s="800">
        <v>9231177</v>
      </c>
      <c r="D19" s="801" t="s">
        <v>72</v>
      </c>
      <c r="E19" s="802">
        <v>4579919</v>
      </c>
      <c r="F19" s="801" t="s">
        <v>72</v>
      </c>
      <c r="G19" s="802">
        <v>4651258</v>
      </c>
      <c r="H19" s="816" t="s">
        <v>72</v>
      </c>
    </row>
    <row r="20" spans="1:9" ht="12.6" customHeight="1">
      <c r="A20" s="798" t="s">
        <v>55</v>
      </c>
      <c r="B20" s="805" t="s">
        <v>56</v>
      </c>
      <c r="C20" s="806">
        <v>682408</v>
      </c>
      <c r="D20" s="817">
        <v>7.5679295223754233</v>
      </c>
      <c r="E20" s="806">
        <v>349700</v>
      </c>
      <c r="F20" s="818">
        <v>7.8331566747813124</v>
      </c>
      <c r="G20" s="806">
        <v>332708</v>
      </c>
      <c r="H20" s="818">
        <v>7.3078517211696585</v>
      </c>
    </row>
    <row r="21" spans="1:9" ht="12.6" customHeight="1">
      <c r="A21" s="798" t="s">
        <v>57</v>
      </c>
      <c r="B21" s="809" t="s">
        <v>73</v>
      </c>
      <c r="C21" s="810">
        <v>782240</v>
      </c>
      <c r="D21" s="819">
        <v>8.6750700308070119</v>
      </c>
      <c r="E21" s="810">
        <v>400880</v>
      </c>
      <c r="F21" s="820">
        <v>8.9795706256400702</v>
      </c>
      <c r="G21" s="810">
        <v>381360</v>
      </c>
      <c r="H21" s="820">
        <v>8.3764812760296152</v>
      </c>
    </row>
    <row r="22" spans="1:9" ht="12.6" customHeight="1">
      <c r="A22" s="798">
        <v>4</v>
      </c>
      <c r="B22" s="809" t="s">
        <v>74</v>
      </c>
      <c r="C22" s="810">
        <v>978913</v>
      </c>
      <c r="D22" s="819">
        <v>10.856180748961169</v>
      </c>
      <c r="E22" s="810">
        <v>502414</v>
      </c>
      <c r="F22" s="820">
        <v>11.253896418654785</v>
      </c>
      <c r="G22" s="810">
        <v>476499</v>
      </c>
      <c r="H22" s="820">
        <v>10.466186678064913</v>
      </c>
    </row>
    <row r="23" spans="1:9" ht="12.6" customHeight="1">
      <c r="A23" s="798" t="s">
        <v>47</v>
      </c>
      <c r="B23" s="809" t="s">
        <v>75</v>
      </c>
      <c r="C23" s="810">
        <v>1030414</v>
      </c>
      <c r="D23" s="819">
        <v>11.427328710784384</v>
      </c>
      <c r="E23" s="810">
        <v>530878</v>
      </c>
      <c r="F23" s="820">
        <v>11.891479980539186</v>
      </c>
      <c r="G23" s="811">
        <v>499536</v>
      </c>
      <c r="H23" s="820">
        <v>10.972188878494677</v>
      </c>
    </row>
    <row r="24" spans="1:9" ht="12.6" customHeight="1">
      <c r="A24" s="798">
        <v>1</v>
      </c>
      <c r="B24" s="812" t="s">
        <v>76</v>
      </c>
      <c r="C24" s="813">
        <v>1359787</v>
      </c>
      <c r="D24" s="821">
        <v>15.080087251969951</v>
      </c>
      <c r="E24" s="813">
        <v>694472</v>
      </c>
      <c r="F24" s="822">
        <v>15.555927887471341</v>
      </c>
      <c r="G24" s="813">
        <v>665315</v>
      </c>
      <c r="H24" s="822">
        <v>14.613485001472737</v>
      </c>
    </row>
    <row r="25" spans="1:9" ht="12.6" customHeight="1">
      <c r="A25" s="798" t="s">
        <v>62</v>
      </c>
      <c r="B25" s="809" t="s">
        <v>77</v>
      </c>
      <c r="C25" s="810">
        <v>1362218</v>
      </c>
      <c r="D25" s="819">
        <v>15.10704713032556</v>
      </c>
      <c r="E25" s="810">
        <v>702109</v>
      </c>
      <c r="F25" s="820">
        <v>15.726993994206556</v>
      </c>
      <c r="G25" s="810">
        <v>660109</v>
      </c>
      <c r="H25" s="820">
        <v>14.499136455419112</v>
      </c>
    </row>
    <row r="26" spans="1:9" ht="12.6" customHeight="1">
      <c r="A26" s="798">
        <v>1</v>
      </c>
      <c r="B26" s="809" t="s">
        <v>78</v>
      </c>
      <c r="C26" s="810">
        <v>978449</v>
      </c>
      <c r="D26" s="819">
        <v>10.851034972096913</v>
      </c>
      <c r="E26" s="810">
        <v>490149</v>
      </c>
      <c r="F26" s="820">
        <v>10.979164744030271</v>
      </c>
      <c r="G26" s="810">
        <v>488300</v>
      </c>
      <c r="H26" s="820">
        <v>10.725392823277902</v>
      </c>
    </row>
    <row r="27" spans="1:9" ht="12.6" customHeight="1">
      <c r="A27" s="798" t="s">
        <v>65</v>
      </c>
      <c r="B27" s="809" t="s">
        <v>79</v>
      </c>
      <c r="C27" s="810">
        <v>1078760</v>
      </c>
      <c r="D27" s="819">
        <v>11.963487607937937</v>
      </c>
      <c r="E27" s="810">
        <v>500095</v>
      </c>
      <c r="F27" s="820">
        <v>11.201951636473435</v>
      </c>
      <c r="G27" s="810">
        <v>578665</v>
      </c>
      <c r="H27" s="820">
        <v>12.710238456035444</v>
      </c>
    </row>
    <row r="28" spans="1:9" ht="12.6" customHeight="1">
      <c r="A28" s="798" t="s">
        <v>67</v>
      </c>
      <c r="B28" s="809" t="s">
        <v>80</v>
      </c>
      <c r="C28" s="810">
        <v>618831</v>
      </c>
      <c r="D28" s="819">
        <v>6.8628582816454466</v>
      </c>
      <c r="E28" s="810">
        <v>253786</v>
      </c>
      <c r="F28" s="820">
        <v>5.6847168998171291</v>
      </c>
      <c r="G28" s="810">
        <v>365045</v>
      </c>
      <c r="H28" s="820">
        <v>8.0181261994132331</v>
      </c>
    </row>
    <row r="29" spans="1:9" ht="12.6" customHeight="1">
      <c r="A29" s="798" t="s">
        <v>69</v>
      </c>
      <c r="B29" s="809" t="s">
        <v>81</v>
      </c>
      <c r="C29" s="810">
        <v>140277</v>
      </c>
      <c r="D29" s="819">
        <v>1.5556770284203252</v>
      </c>
      <c r="E29" s="810">
        <v>39237</v>
      </c>
      <c r="F29" s="820">
        <v>0.8788949626777075</v>
      </c>
      <c r="G29" s="810">
        <v>101040</v>
      </c>
      <c r="H29" s="820">
        <v>2.2193194570223209</v>
      </c>
    </row>
    <row r="30" spans="1:9" ht="12.6" customHeight="1" thickBot="1">
      <c r="A30" s="832"/>
      <c r="B30" s="833" t="s">
        <v>71</v>
      </c>
      <c r="C30" s="834">
        <v>4806</v>
      </c>
      <c r="D30" s="840">
        <v>5.3298714675877608E-2</v>
      </c>
      <c r="E30" s="836">
        <v>636</v>
      </c>
      <c r="F30" s="841">
        <v>1.424617570820965E-2</v>
      </c>
      <c r="G30" s="838">
        <v>4170</v>
      </c>
      <c r="H30" s="841">
        <v>9.1593053600386748E-2</v>
      </c>
    </row>
    <row r="31" spans="1:9" s="30" customFormat="1" ht="11.25" customHeight="1" thickTop="1">
      <c r="A31" s="53"/>
      <c r="B31" s="828"/>
      <c r="C31" s="829" t="s">
        <v>10</v>
      </c>
      <c r="D31" s="830" t="s">
        <v>82</v>
      </c>
      <c r="E31" s="829" t="s">
        <v>10</v>
      </c>
      <c r="F31" s="831" t="s">
        <v>82</v>
      </c>
      <c r="G31" s="829" t="s">
        <v>10</v>
      </c>
      <c r="H31" s="831" t="s">
        <v>82</v>
      </c>
      <c r="I31" s="58"/>
    </row>
    <row r="32" spans="1:9" ht="13.5">
      <c r="A32" s="798"/>
      <c r="B32" s="823" t="s">
        <v>53</v>
      </c>
      <c r="C32" s="800">
        <v>9236337</v>
      </c>
      <c r="D32" s="801" t="s">
        <v>72</v>
      </c>
      <c r="E32" s="802">
        <v>4586915</v>
      </c>
      <c r="F32" s="801" t="s">
        <v>72</v>
      </c>
      <c r="G32" s="802">
        <v>4649422</v>
      </c>
      <c r="H32" s="816" t="s">
        <v>72</v>
      </c>
      <c r="I32" s="790"/>
    </row>
    <row r="33" spans="1:9" ht="12.6" customHeight="1">
      <c r="A33" s="798" t="s">
        <v>55</v>
      </c>
      <c r="B33" s="805" t="s">
        <v>56</v>
      </c>
      <c r="C33" s="806">
        <v>696188</v>
      </c>
      <c r="D33" s="817">
        <v>7.7163371483419896</v>
      </c>
      <c r="E33" s="806">
        <v>356854</v>
      </c>
      <c r="F33" s="818">
        <v>7.9809006228543948</v>
      </c>
      <c r="G33" s="806">
        <v>339334</v>
      </c>
      <c r="H33" s="818">
        <v>7.4563988301240851</v>
      </c>
    </row>
    <row r="34" spans="1:9" ht="12.6" customHeight="1">
      <c r="A34" s="798" t="s">
        <v>57</v>
      </c>
      <c r="B34" s="809" t="s">
        <v>73</v>
      </c>
      <c r="C34" s="810">
        <v>793420</v>
      </c>
      <c r="D34" s="819">
        <v>8.7940272171274163</v>
      </c>
      <c r="E34" s="810">
        <v>406601</v>
      </c>
      <c r="F34" s="820">
        <v>9.0934728885012355</v>
      </c>
      <c r="G34" s="810">
        <v>386819</v>
      </c>
      <c r="H34" s="820">
        <v>8.4998165202124412</v>
      </c>
    </row>
    <row r="35" spans="1:9" ht="12.6" customHeight="1">
      <c r="A35" s="798">
        <v>3</v>
      </c>
      <c r="B35" s="809" t="s">
        <v>74</v>
      </c>
      <c r="C35" s="810">
        <v>968190</v>
      </c>
      <c r="D35" s="819">
        <v>10.731125017456824</v>
      </c>
      <c r="E35" s="810">
        <v>498248</v>
      </c>
      <c r="F35" s="820">
        <v>11.143122323235712</v>
      </c>
      <c r="G35" s="810">
        <v>469942</v>
      </c>
      <c r="H35" s="820">
        <v>10.326330338327939</v>
      </c>
    </row>
    <row r="36" spans="1:9" ht="12.6" customHeight="1">
      <c r="A36" s="798" t="s">
        <v>47</v>
      </c>
      <c r="B36" s="809" t="s">
        <v>75</v>
      </c>
      <c r="C36" s="810">
        <v>1047547</v>
      </c>
      <c r="D36" s="819">
        <v>11.610693994631056</v>
      </c>
      <c r="E36" s="810">
        <v>539412</v>
      </c>
      <c r="F36" s="820">
        <v>12.063739139186151</v>
      </c>
      <c r="G36" s="811">
        <v>508135</v>
      </c>
      <c r="H36" s="820">
        <v>11.165569083985401</v>
      </c>
    </row>
    <row r="37" spans="1:9" ht="12.6" customHeight="1">
      <c r="A37" s="798">
        <v>1</v>
      </c>
      <c r="B37" s="812" t="s">
        <v>76</v>
      </c>
      <c r="C37" s="813">
        <v>1401516</v>
      </c>
      <c r="D37" s="821">
        <v>15.533979291219715</v>
      </c>
      <c r="E37" s="813">
        <v>715730</v>
      </c>
      <c r="F37" s="822">
        <v>16.007022487615597</v>
      </c>
      <c r="G37" s="813">
        <v>685786</v>
      </c>
      <c r="H37" s="822">
        <v>15.069205939031974</v>
      </c>
    </row>
    <row r="38" spans="1:9" ht="12.6" customHeight="1">
      <c r="A38" s="798" t="s">
        <v>62</v>
      </c>
      <c r="B38" s="809" t="s">
        <v>77</v>
      </c>
      <c r="C38" s="810">
        <v>1316240</v>
      </c>
      <c r="D38" s="819">
        <v>14.588805908940774</v>
      </c>
      <c r="E38" s="810">
        <v>680367</v>
      </c>
      <c r="F38" s="820">
        <v>15.216142775671775</v>
      </c>
      <c r="G38" s="810">
        <v>635873</v>
      </c>
      <c r="H38" s="820">
        <v>13.972436281974373</v>
      </c>
    </row>
    <row r="39" spans="1:9" ht="12.6" customHeight="1">
      <c r="A39" s="798">
        <v>1</v>
      </c>
      <c r="B39" s="809" t="s">
        <v>78</v>
      </c>
      <c r="C39" s="810">
        <v>989916</v>
      </c>
      <c r="D39" s="819">
        <v>10.971929427881706</v>
      </c>
      <c r="E39" s="810">
        <v>494363</v>
      </c>
      <c r="F39" s="820">
        <v>11.056235812450378</v>
      </c>
      <c r="G39" s="810">
        <v>495553</v>
      </c>
      <c r="H39" s="820">
        <v>10.889096905893547</v>
      </c>
    </row>
    <row r="40" spans="1:9" ht="12.6" customHeight="1">
      <c r="A40" s="798" t="s">
        <v>65</v>
      </c>
      <c r="B40" s="809" t="s">
        <v>79</v>
      </c>
      <c r="C40" s="810">
        <v>1084403</v>
      </c>
      <c r="D40" s="819">
        <v>12.019194747214112</v>
      </c>
      <c r="E40" s="810">
        <v>502171</v>
      </c>
      <c r="F40" s="820">
        <v>11.230858689210194</v>
      </c>
      <c r="G40" s="810">
        <v>582232</v>
      </c>
      <c r="H40" s="820">
        <v>12.793748942519191</v>
      </c>
    </row>
    <row r="41" spans="1:9" ht="12.6" customHeight="1">
      <c r="A41" s="798" t="s">
        <v>67</v>
      </c>
      <c r="B41" s="809" t="s">
        <v>80</v>
      </c>
      <c r="C41" s="810">
        <v>589625</v>
      </c>
      <c r="D41" s="819">
        <v>6.5352250988111624</v>
      </c>
      <c r="E41" s="810">
        <v>240997</v>
      </c>
      <c r="F41" s="820">
        <v>5.3898039741912394</v>
      </c>
      <c r="G41" s="810">
        <v>348628</v>
      </c>
      <c r="H41" s="820">
        <v>7.6606217218094841</v>
      </c>
    </row>
    <row r="42" spans="1:9" ht="12.6" customHeight="1">
      <c r="A42" s="798" t="s">
        <v>69</v>
      </c>
      <c r="B42" s="809" t="s">
        <v>81</v>
      </c>
      <c r="C42" s="810">
        <v>130815</v>
      </c>
      <c r="D42" s="819">
        <v>1.4499138796709472</v>
      </c>
      <c r="E42" s="810">
        <v>36010</v>
      </c>
      <c r="F42" s="820">
        <v>0.80534961476958855</v>
      </c>
      <c r="G42" s="810">
        <v>94805</v>
      </c>
      <c r="H42" s="820">
        <v>2.0832097316800375</v>
      </c>
    </row>
    <row r="43" spans="1:9" ht="12.6" customHeight="1" thickBot="1">
      <c r="A43" s="832"/>
      <c r="B43" s="833" t="s">
        <v>71</v>
      </c>
      <c r="C43" s="834">
        <v>4400</v>
      </c>
      <c r="D43" s="840">
        <v>4.8768268704293599E-2</v>
      </c>
      <c r="E43" s="836">
        <v>597</v>
      </c>
      <c r="F43" s="841">
        <v>1.3351672313730752E-2</v>
      </c>
      <c r="G43" s="838">
        <v>3803</v>
      </c>
      <c r="H43" s="841">
        <v>8.3565704441529276E-2</v>
      </c>
    </row>
    <row r="44" spans="1:9" s="30" customFormat="1" ht="11.25" customHeight="1" thickTop="1">
      <c r="A44" s="53"/>
      <c r="B44" s="828"/>
      <c r="C44" s="829" t="s">
        <v>10</v>
      </c>
      <c r="D44" s="830" t="s">
        <v>82</v>
      </c>
      <c r="E44" s="829" t="s">
        <v>10</v>
      </c>
      <c r="F44" s="831" t="s">
        <v>82</v>
      </c>
      <c r="G44" s="829" t="s">
        <v>10</v>
      </c>
      <c r="H44" s="831" t="s">
        <v>82</v>
      </c>
      <c r="I44" s="58"/>
    </row>
    <row r="45" spans="1:9" ht="13.5" customHeight="1">
      <c r="A45" s="798"/>
      <c r="B45" s="799" t="s">
        <v>53</v>
      </c>
      <c r="C45" s="800">
        <v>9201825</v>
      </c>
      <c r="D45" s="801" t="s">
        <v>72</v>
      </c>
      <c r="E45" s="802">
        <v>4585811</v>
      </c>
      <c r="F45" s="801" t="s">
        <v>72</v>
      </c>
      <c r="G45" s="802">
        <v>4616014</v>
      </c>
      <c r="H45" s="816" t="s">
        <v>72</v>
      </c>
      <c r="I45" s="790"/>
    </row>
    <row r="46" spans="1:9" ht="12.6" customHeight="1">
      <c r="A46" s="798" t="s">
        <v>55</v>
      </c>
      <c r="B46" s="805" t="s">
        <v>56</v>
      </c>
      <c r="C46" s="806">
        <v>712810</v>
      </c>
      <c r="D46" s="817">
        <v>7.8168428008688329</v>
      </c>
      <c r="E46" s="806">
        <v>365040</v>
      </c>
      <c r="F46" s="818">
        <v>8.046836716271633</v>
      </c>
      <c r="G46" s="806">
        <v>347770</v>
      </c>
      <c r="H46" s="818">
        <v>7.58915848219449</v>
      </c>
    </row>
    <row r="47" spans="1:9" ht="12.6" customHeight="1">
      <c r="A47" s="798" t="s">
        <v>57</v>
      </c>
      <c r="B47" s="809" t="s">
        <v>73</v>
      </c>
      <c r="C47" s="810">
        <v>795897</v>
      </c>
      <c r="D47" s="819">
        <v>8.7279944651212826</v>
      </c>
      <c r="E47" s="810">
        <v>407736</v>
      </c>
      <c r="F47" s="820">
        <v>8.9880150540919637</v>
      </c>
      <c r="G47" s="810">
        <v>388161</v>
      </c>
      <c r="H47" s="820">
        <v>8.4705850004517238</v>
      </c>
    </row>
    <row r="48" spans="1:9" ht="12.6" customHeight="1">
      <c r="A48" s="798">
        <v>2</v>
      </c>
      <c r="B48" s="809" t="s">
        <v>74</v>
      </c>
      <c r="C48" s="810">
        <v>1012286</v>
      </c>
      <c r="D48" s="819">
        <v>11.100967342658363</v>
      </c>
      <c r="E48" s="810">
        <v>529378</v>
      </c>
      <c r="F48" s="820">
        <v>11.669456298450703</v>
      </c>
      <c r="G48" s="810">
        <v>482908</v>
      </c>
      <c r="H48" s="820">
        <v>10.538187147596334</v>
      </c>
    </row>
    <row r="49" spans="1:9" ht="12.6" customHeight="1">
      <c r="A49" s="798" t="s">
        <v>47</v>
      </c>
      <c r="B49" s="809" t="s">
        <v>75</v>
      </c>
      <c r="C49" s="810">
        <v>1076714</v>
      </c>
      <c r="D49" s="819">
        <v>11.807500006305585</v>
      </c>
      <c r="E49" s="810">
        <v>555265</v>
      </c>
      <c r="F49" s="820">
        <v>12.240101877220491</v>
      </c>
      <c r="G49" s="811">
        <v>521449</v>
      </c>
      <c r="H49" s="820">
        <v>11.379242319296761</v>
      </c>
    </row>
    <row r="50" spans="1:9" ht="12.6" customHeight="1">
      <c r="A50" s="798">
        <v>1</v>
      </c>
      <c r="B50" s="812" t="s">
        <v>76</v>
      </c>
      <c r="C50" s="813">
        <v>1446403</v>
      </c>
      <c r="D50" s="821">
        <v>15.861596887957635</v>
      </c>
      <c r="E50" s="813">
        <v>740763</v>
      </c>
      <c r="F50" s="822">
        <v>16.329166410408511</v>
      </c>
      <c r="G50" s="813">
        <v>705640</v>
      </c>
      <c r="H50" s="822">
        <v>15.398722694239641</v>
      </c>
    </row>
    <row r="51" spans="1:9" ht="12.6" customHeight="1">
      <c r="A51" s="798" t="s">
        <v>62</v>
      </c>
      <c r="B51" s="809" t="s">
        <v>77</v>
      </c>
      <c r="C51" s="810">
        <v>1277590</v>
      </c>
      <c r="D51" s="819">
        <v>14.01035366221295</v>
      </c>
      <c r="E51" s="810">
        <v>662796</v>
      </c>
      <c r="F51" s="820">
        <v>14.610484298153553</v>
      </c>
      <c r="G51" s="810">
        <v>614794</v>
      </c>
      <c r="H51" s="820">
        <v>13.416249532456161</v>
      </c>
    </row>
    <row r="52" spans="1:9" ht="12.6" customHeight="1">
      <c r="A52" s="798">
        <v>1</v>
      </c>
      <c r="B52" s="809" t="s">
        <v>78</v>
      </c>
      <c r="C52" s="810">
        <v>1022297</v>
      </c>
      <c r="D52" s="819">
        <v>11.210750332907514</v>
      </c>
      <c r="E52" s="810">
        <v>508630</v>
      </c>
      <c r="F52" s="820">
        <v>11.212093356884836</v>
      </c>
      <c r="G52" s="810">
        <v>513667</v>
      </c>
      <c r="H52" s="820">
        <v>11.209420795564302</v>
      </c>
    </row>
    <row r="53" spans="1:9" ht="12.6" customHeight="1">
      <c r="A53" s="798" t="s">
        <v>65</v>
      </c>
      <c r="B53" s="809" t="s">
        <v>79</v>
      </c>
      <c r="C53" s="810">
        <v>1082155</v>
      </c>
      <c r="D53" s="819">
        <v>11.867167297280078</v>
      </c>
      <c r="E53" s="810">
        <v>501357</v>
      </c>
      <c r="F53" s="820">
        <v>11.051769437759688</v>
      </c>
      <c r="G53" s="810">
        <v>580798</v>
      </c>
      <c r="H53" s="820">
        <v>12.67437693918853</v>
      </c>
    </row>
    <row r="54" spans="1:9" ht="12.6" customHeight="1">
      <c r="A54" s="798" t="s">
        <v>67</v>
      </c>
      <c r="B54" s="809" t="s">
        <v>80</v>
      </c>
      <c r="C54" s="810">
        <v>562796</v>
      </c>
      <c r="D54" s="819">
        <v>6.1717538487924912</v>
      </c>
      <c r="E54" s="810">
        <v>230465</v>
      </c>
      <c r="F54" s="820">
        <v>5.0803041415065247</v>
      </c>
      <c r="G54" s="810">
        <v>332331</v>
      </c>
      <c r="H54" s="820">
        <v>7.2522432284158418</v>
      </c>
    </row>
    <row r="55" spans="1:9" ht="12.6" customHeight="1">
      <c r="A55" s="798" t="s">
        <v>69</v>
      </c>
      <c r="B55" s="809" t="s">
        <v>81</v>
      </c>
      <c r="C55" s="810">
        <v>125174</v>
      </c>
      <c r="D55" s="819">
        <v>1.3726876457344246</v>
      </c>
      <c r="E55" s="810">
        <v>34304</v>
      </c>
      <c r="F55" s="820">
        <v>0.75618750469806617</v>
      </c>
      <c r="G55" s="810">
        <v>90870</v>
      </c>
      <c r="H55" s="820">
        <v>1.9829968981712434</v>
      </c>
    </row>
    <row r="56" spans="1:9" ht="12.6" customHeight="1" thickBot="1">
      <c r="A56" s="832"/>
      <c r="B56" s="833" t="s">
        <v>71</v>
      </c>
      <c r="C56" s="834">
        <v>4777</v>
      </c>
      <c r="D56" s="840">
        <v>5.2385710160842876E-2</v>
      </c>
      <c r="E56" s="836">
        <v>707</v>
      </c>
      <c r="F56" s="841">
        <v>1.5584904554032556E-2</v>
      </c>
      <c r="G56" s="838">
        <v>4070</v>
      </c>
      <c r="H56" s="841">
        <v>8.8816962424969309E-2</v>
      </c>
    </row>
    <row r="57" spans="1:9" s="30" customFormat="1" ht="11.25" customHeight="1" thickTop="1">
      <c r="A57" s="53"/>
      <c r="B57" s="828"/>
      <c r="C57" s="829" t="s">
        <v>10</v>
      </c>
      <c r="D57" s="830" t="s">
        <v>82</v>
      </c>
      <c r="E57" s="829" t="s">
        <v>10</v>
      </c>
      <c r="F57" s="831" t="s">
        <v>82</v>
      </c>
      <c r="G57" s="829" t="s">
        <v>10</v>
      </c>
      <c r="H57" s="831" t="s">
        <v>82</v>
      </c>
      <c r="I57" s="58"/>
    </row>
    <row r="58" spans="1:9" ht="13.5" customHeight="1">
      <c r="A58" s="798"/>
      <c r="B58" s="823" t="s">
        <v>53</v>
      </c>
      <c r="C58" s="800">
        <v>9181625</v>
      </c>
      <c r="D58" s="801" t="s">
        <v>72</v>
      </c>
      <c r="E58" s="802">
        <v>4577523</v>
      </c>
      <c r="F58" s="801" t="s">
        <v>72</v>
      </c>
      <c r="G58" s="824">
        <v>4604102</v>
      </c>
      <c r="H58" s="816" t="s">
        <v>72</v>
      </c>
      <c r="I58" s="790"/>
    </row>
    <row r="59" spans="1:9" ht="12.6" customHeight="1">
      <c r="A59" s="798" t="s">
        <v>83</v>
      </c>
      <c r="B59" s="805" t="s">
        <v>84</v>
      </c>
      <c r="C59" s="806">
        <v>722972</v>
      </c>
      <c r="D59" s="817">
        <v>7.9458832521001082</v>
      </c>
      <c r="E59" s="806">
        <v>369916</v>
      </c>
      <c r="F59" s="818">
        <v>8.1692469313647305</v>
      </c>
      <c r="G59" s="806">
        <v>353056</v>
      </c>
      <c r="H59" s="825">
        <v>7.724591328913438</v>
      </c>
    </row>
    <row r="60" spans="1:9" ht="12.6" customHeight="1">
      <c r="A60" s="798" t="s">
        <v>85</v>
      </c>
      <c r="B60" s="809" t="s">
        <v>73</v>
      </c>
      <c r="C60" s="810">
        <v>801435</v>
      </c>
      <c r="D60" s="819">
        <v>8.8082373095318349</v>
      </c>
      <c r="E60" s="810">
        <v>410565</v>
      </c>
      <c r="F60" s="820">
        <v>9.066941863492687</v>
      </c>
      <c r="G60" s="810">
        <v>390870</v>
      </c>
      <c r="H60" s="826">
        <v>8.5519323074311036</v>
      </c>
    </row>
    <row r="61" spans="1:9" ht="12.6" customHeight="1">
      <c r="A61" s="798">
        <v>31</v>
      </c>
      <c r="B61" s="809" t="s">
        <v>74</v>
      </c>
      <c r="C61" s="810">
        <v>995329</v>
      </c>
      <c r="D61" s="819">
        <v>10.939245270120486</v>
      </c>
      <c r="E61" s="810">
        <v>520556</v>
      </c>
      <c r="F61" s="820">
        <v>11.49598964522621</v>
      </c>
      <c r="G61" s="810">
        <v>474773</v>
      </c>
      <c r="H61" s="826">
        <v>10.387664843543856</v>
      </c>
    </row>
    <row r="62" spans="1:9" ht="12.6" customHeight="1">
      <c r="A62" s="798" t="s">
        <v>47</v>
      </c>
      <c r="B62" s="809" t="s">
        <v>75</v>
      </c>
      <c r="C62" s="810">
        <v>1102019</v>
      </c>
      <c r="D62" s="819">
        <v>12.111830493568366</v>
      </c>
      <c r="E62" s="810">
        <v>568179</v>
      </c>
      <c r="F62" s="820">
        <v>12.547698807880387</v>
      </c>
      <c r="G62" s="811">
        <v>533840</v>
      </c>
      <c r="H62" s="826">
        <v>11.680004970959706</v>
      </c>
    </row>
    <row r="63" spans="1:9" ht="12.6" customHeight="1">
      <c r="A63" s="798">
        <v>1</v>
      </c>
      <c r="B63" s="812" t="s">
        <v>76</v>
      </c>
      <c r="C63" s="813">
        <v>1473665</v>
      </c>
      <c r="D63" s="821">
        <v>16.196436435582715</v>
      </c>
      <c r="E63" s="813">
        <v>755533</v>
      </c>
      <c r="F63" s="822">
        <v>16.685235679978128</v>
      </c>
      <c r="G63" s="813">
        <v>718132</v>
      </c>
      <c r="H63" s="827">
        <v>15.712170931000365</v>
      </c>
    </row>
    <row r="64" spans="1:9" ht="12.6" customHeight="1">
      <c r="A64" s="798" t="s">
        <v>62</v>
      </c>
      <c r="B64" s="809" t="s">
        <v>77</v>
      </c>
      <c r="C64" s="810">
        <v>1231135</v>
      </c>
      <c r="D64" s="819">
        <v>13.530890515226407</v>
      </c>
      <c r="E64" s="810">
        <v>639333</v>
      </c>
      <c r="F64" s="820">
        <v>14.119067973189066</v>
      </c>
      <c r="G64" s="810">
        <v>591802</v>
      </c>
      <c r="H64" s="826">
        <v>12.948168555791803</v>
      </c>
    </row>
    <row r="65" spans="1:8" ht="12.6" customHeight="1">
      <c r="A65" s="798">
        <v>1</v>
      </c>
      <c r="B65" s="809" t="s">
        <v>78</v>
      </c>
      <c r="C65" s="810">
        <v>1068250</v>
      </c>
      <c r="D65" s="819">
        <v>11.74068952055673</v>
      </c>
      <c r="E65" s="810">
        <v>528702</v>
      </c>
      <c r="F65" s="820">
        <v>11.675886393414709</v>
      </c>
      <c r="G65" s="810">
        <v>539548</v>
      </c>
      <c r="H65" s="826">
        <v>11.804891581881026</v>
      </c>
    </row>
    <row r="66" spans="1:8" ht="12.6" customHeight="1">
      <c r="A66" s="798" t="s">
        <v>65</v>
      </c>
      <c r="B66" s="809" t="s">
        <v>79</v>
      </c>
      <c r="C66" s="810">
        <v>1037862</v>
      </c>
      <c r="D66" s="819">
        <v>11.406707706233606</v>
      </c>
      <c r="E66" s="810">
        <v>481538</v>
      </c>
      <c r="F66" s="820">
        <v>10.634313814042944</v>
      </c>
      <c r="G66" s="810">
        <v>556324</v>
      </c>
      <c r="H66" s="826">
        <v>12.171937444672912</v>
      </c>
    </row>
    <row r="67" spans="1:8" ht="12.6" customHeight="1">
      <c r="A67" s="798" t="s">
        <v>67</v>
      </c>
      <c r="B67" s="809" t="s">
        <v>80</v>
      </c>
      <c r="C67" s="810">
        <v>544341</v>
      </c>
      <c r="D67" s="819">
        <v>5.9826245488503353</v>
      </c>
      <c r="E67" s="810">
        <v>221599</v>
      </c>
      <c r="F67" s="820">
        <v>4.893805487579594</v>
      </c>
      <c r="G67" s="810">
        <v>322742</v>
      </c>
      <c r="H67" s="826">
        <v>7.0613445308284826</v>
      </c>
    </row>
    <row r="68" spans="1:8" ht="12.6" customHeight="1">
      <c r="A68" s="798" t="s">
        <v>69</v>
      </c>
      <c r="B68" s="809" t="s">
        <v>81</v>
      </c>
      <c r="C68" s="810">
        <v>117274</v>
      </c>
      <c r="D68" s="819">
        <v>1.288909546298872</v>
      </c>
      <c r="E68" s="810">
        <v>31577</v>
      </c>
      <c r="F68" s="820">
        <v>0.69734834489912334</v>
      </c>
      <c r="G68" s="810">
        <v>85697</v>
      </c>
      <c r="H68" s="826">
        <v>1.8749838640722574</v>
      </c>
    </row>
    <row r="69" spans="1:8" ht="12.6" customHeight="1" thickBot="1">
      <c r="A69" s="832"/>
      <c r="B69" s="833" t="s">
        <v>71</v>
      </c>
      <c r="C69" s="834">
        <v>4417</v>
      </c>
      <c r="D69" s="840">
        <v>4.8545401930539744E-2</v>
      </c>
      <c r="E69" s="836">
        <v>655</v>
      </c>
      <c r="F69" s="841">
        <v>1.4465058932416815E-2</v>
      </c>
      <c r="G69" s="834">
        <v>3762</v>
      </c>
      <c r="H69" s="842">
        <v>8.2309640905047221E-2</v>
      </c>
    </row>
    <row r="70" spans="1:8" ht="9" customHeight="1" thickTop="1"/>
    <row r="71" spans="1:8">
      <c r="A71" s="30" t="s">
        <v>86</v>
      </c>
    </row>
    <row r="72" spans="1:8">
      <c r="A72" s="30" t="s">
        <v>87</v>
      </c>
    </row>
  </sheetData>
  <mergeCells count="3">
    <mergeCell ref="C2:D3"/>
    <mergeCell ref="E2:F3"/>
    <mergeCell ref="G2:H3"/>
  </mergeCells>
  <phoneticPr fontId="2"/>
  <printOptions horizontalCentered="1"/>
  <pageMargins left="0.70866141732283472" right="0.70866141732283472" top="0.70866141732283472" bottom="0.70866141732283472" header="0.31496062992125984" footer="0.19685039370078741"/>
  <pageSetup paperSize="9" scale="20" firstPageNumber="8" orientation="portrait" blackAndWhite="1" r:id="rId1"/>
  <headerFooter scaleWithDoc="0"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I48"/>
  <sheetViews>
    <sheetView view="pageBreakPreview" zoomScale="80" zoomScaleNormal="80" zoomScaleSheetLayoutView="80" workbookViewId="0">
      <pane ySplit="6" topLeftCell="A7" activePane="bottomLeft" state="frozen"/>
      <selection pane="bottomLeft"/>
    </sheetView>
  </sheetViews>
  <sheetFormatPr defaultRowHeight="13.5"/>
  <cols>
    <col min="1" max="1" width="17.5" style="151" customWidth="1"/>
    <col min="2" max="2" width="10.625" style="151" customWidth="1"/>
    <col min="3" max="8" width="8.75" style="151" customWidth="1"/>
    <col min="9" max="11" width="8.25" style="151" customWidth="1"/>
    <col min="12" max="12" width="8.75" style="151" customWidth="1"/>
    <col min="13" max="13" width="7.125" style="151" customWidth="1"/>
    <col min="14" max="14" width="8.75" style="151" customWidth="1"/>
    <col min="15" max="15" width="7.25" style="151" customWidth="1"/>
    <col min="16" max="16" width="8.75" style="151" customWidth="1"/>
    <col min="17" max="17" width="7.125" style="151" customWidth="1"/>
    <col min="18" max="21" width="8.75" style="151" customWidth="1"/>
    <col min="22" max="22" width="7.125" style="151" customWidth="1"/>
    <col min="23" max="23" width="8.75" style="151" customWidth="1"/>
    <col min="24" max="24" width="7.125" style="151" customWidth="1"/>
    <col min="25" max="25" width="8.75" style="151" customWidth="1"/>
    <col min="26" max="26" width="7.125" style="151" customWidth="1"/>
    <col min="27" max="27" width="8.75" style="151" customWidth="1"/>
    <col min="28" max="28" width="7.125" style="151" customWidth="1"/>
    <col min="29" max="29" width="8.75" style="151" customWidth="1"/>
    <col min="30" max="30" width="7.125" style="151" customWidth="1"/>
    <col min="31" max="31" width="8.75" style="151" customWidth="1"/>
    <col min="32" max="32" width="7.125" style="151" customWidth="1"/>
    <col min="33" max="16384" width="9" style="151"/>
  </cols>
  <sheetData>
    <row r="1" spans="1:35" ht="21" customHeight="1" thickBot="1">
      <c r="A1" s="897" t="s">
        <v>514</v>
      </c>
      <c r="B1" s="329"/>
      <c r="C1" s="329"/>
      <c r="D1" s="329"/>
      <c r="E1" s="329"/>
      <c r="S1" s="329"/>
      <c r="U1" s="329"/>
      <c r="V1" s="329"/>
      <c r="W1" s="329"/>
      <c r="AC1" s="330"/>
      <c r="AD1" s="330"/>
      <c r="AF1" s="494" t="s">
        <v>514</v>
      </c>
    </row>
    <row r="2" spans="1:35" s="346" customFormat="1" ht="22.5" customHeight="1" thickTop="1">
      <c r="A2" s="1036" t="s">
        <v>488</v>
      </c>
      <c r="B2" s="464"/>
      <c r="C2" s="331"/>
      <c r="D2" s="331"/>
      <c r="E2" s="331"/>
      <c r="F2" s="331"/>
      <c r="G2" s="331"/>
      <c r="H2" s="331"/>
      <c r="I2" s="331"/>
      <c r="J2" s="331"/>
      <c r="K2" s="331"/>
      <c r="L2" s="331"/>
      <c r="M2" s="331"/>
      <c r="N2" s="331"/>
      <c r="O2" s="331"/>
      <c r="P2" s="331"/>
      <c r="Q2" s="331"/>
      <c r="R2" s="331"/>
      <c r="S2" s="331"/>
      <c r="T2" s="331"/>
      <c r="U2" s="331"/>
      <c r="V2" s="331"/>
      <c r="W2" s="331"/>
      <c r="X2" s="331"/>
      <c r="Y2" s="331"/>
      <c r="Z2" s="331"/>
      <c r="AA2" s="331"/>
      <c r="AB2" s="331"/>
      <c r="AC2" s="331"/>
      <c r="AD2" s="331"/>
      <c r="AE2" s="331"/>
      <c r="AF2" s="354"/>
    </row>
    <row r="3" spans="1:35" s="495" customFormat="1" ht="22.5" customHeight="1">
      <c r="A3" s="1037"/>
      <c r="B3" s="332"/>
      <c r="C3" s="465"/>
      <c r="D3" s="333" t="s">
        <v>489</v>
      </c>
      <c r="E3" s="334"/>
      <c r="F3" s="466"/>
      <c r="G3" s="467"/>
      <c r="H3" s="335"/>
      <c r="I3" s="335"/>
      <c r="J3" s="335"/>
      <c r="K3" s="335"/>
      <c r="L3" s="335"/>
      <c r="M3" s="335"/>
      <c r="N3" s="335"/>
      <c r="O3" s="335"/>
      <c r="P3" s="335"/>
      <c r="Q3" s="335"/>
      <c r="R3" s="466"/>
      <c r="S3" s="467"/>
      <c r="T3" s="335"/>
      <c r="U3" s="335"/>
      <c r="V3" s="335"/>
      <c r="W3" s="335"/>
      <c r="X3" s="335"/>
      <c r="Y3" s="335"/>
      <c r="Z3" s="335"/>
      <c r="AA3" s="335"/>
      <c r="AB3" s="335"/>
      <c r="AC3" s="335"/>
      <c r="AD3" s="335"/>
      <c r="AE3" s="335"/>
      <c r="AF3" s="335"/>
    </row>
    <row r="4" spans="1:35" s="495" customFormat="1" ht="22.5" customHeight="1">
      <c r="A4" s="1037"/>
      <c r="B4" s="496" t="s">
        <v>253</v>
      </c>
      <c r="C4" s="1033" t="s">
        <v>490</v>
      </c>
      <c r="D4" s="1034"/>
      <c r="E4" s="1035"/>
      <c r="F4" s="1033" t="s">
        <v>422</v>
      </c>
      <c r="G4" s="1034"/>
      <c r="H4" s="1035"/>
      <c r="I4" s="1027" t="s">
        <v>423</v>
      </c>
      <c r="J4" s="1028"/>
      <c r="K4" s="1029"/>
      <c r="L4" s="1027" t="s">
        <v>491</v>
      </c>
      <c r="M4" s="1028"/>
      <c r="N4" s="1028"/>
      <c r="O4" s="1028"/>
      <c r="P4" s="1028"/>
      <c r="Q4" s="1029"/>
      <c r="R4" s="1033" t="s">
        <v>425</v>
      </c>
      <c r="S4" s="1034"/>
      <c r="T4" s="1035"/>
      <c r="U4" s="1027" t="s">
        <v>426</v>
      </c>
      <c r="V4" s="1028"/>
      <c r="W4" s="1028"/>
      <c r="X4" s="1028"/>
      <c r="Y4" s="1028"/>
      <c r="Z4" s="1029"/>
      <c r="AA4" s="1027" t="s">
        <v>427</v>
      </c>
      <c r="AB4" s="1028"/>
      <c r="AC4" s="1028"/>
      <c r="AD4" s="1028"/>
      <c r="AE4" s="1028"/>
      <c r="AF4" s="1028"/>
    </row>
    <row r="5" spans="1:35" s="497" customFormat="1" ht="22.5" customHeight="1">
      <c r="A5" s="1037"/>
      <c r="B5" s="347"/>
      <c r="C5" s="1030" t="s">
        <v>492</v>
      </c>
      <c r="D5" s="1031"/>
      <c r="E5" s="1032"/>
      <c r="F5" s="1030" t="s">
        <v>493</v>
      </c>
      <c r="G5" s="1031"/>
      <c r="H5" s="1032"/>
      <c r="I5" s="1030" t="s">
        <v>494</v>
      </c>
      <c r="J5" s="1031"/>
      <c r="K5" s="1032"/>
      <c r="L5" s="1030" t="s">
        <v>495</v>
      </c>
      <c r="M5" s="1031"/>
      <c r="N5" s="1031"/>
      <c r="O5" s="1031"/>
      <c r="P5" s="1031"/>
      <c r="Q5" s="1032"/>
      <c r="R5" s="1030" t="s">
        <v>496</v>
      </c>
      <c r="S5" s="1031"/>
      <c r="T5" s="1032"/>
      <c r="U5" s="1030" t="s">
        <v>433</v>
      </c>
      <c r="V5" s="1031"/>
      <c r="W5" s="1031"/>
      <c r="X5" s="1031"/>
      <c r="Y5" s="1031"/>
      <c r="Z5" s="1032"/>
      <c r="AA5" s="1030" t="s">
        <v>434</v>
      </c>
      <c r="AB5" s="1031"/>
      <c r="AC5" s="1031"/>
      <c r="AD5" s="1031"/>
      <c r="AE5" s="1031"/>
      <c r="AF5" s="1031"/>
      <c r="AI5" s="498"/>
    </row>
    <row r="6" spans="1:35" s="415" customFormat="1" ht="22.5" customHeight="1">
      <c r="A6" s="988"/>
      <c r="B6" s="470"/>
      <c r="C6" s="473" t="s">
        <v>497</v>
      </c>
      <c r="D6" s="472" t="s">
        <v>498</v>
      </c>
      <c r="E6" s="473" t="s">
        <v>499</v>
      </c>
      <c r="F6" s="474" t="s">
        <v>497</v>
      </c>
      <c r="G6" s="472" t="s">
        <v>498</v>
      </c>
      <c r="H6" s="473" t="s">
        <v>499</v>
      </c>
      <c r="I6" s="474" t="s">
        <v>500</v>
      </c>
      <c r="J6" s="472" t="s">
        <v>498</v>
      </c>
      <c r="K6" s="472" t="s">
        <v>499</v>
      </c>
      <c r="L6" s="475" t="s">
        <v>500</v>
      </c>
      <c r="M6" s="336" t="s">
        <v>501</v>
      </c>
      <c r="N6" s="475" t="s">
        <v>502</v>
      </c>
      <c r="O6" s="336" t="s">
        <v>501</v>
      </c>
      <c r="P6" s="475" t="s">
        <v>499</v>
      </c>
      <c r="Q6" s="336" t="s">
        <v>501</v>
      </c>
      <c r="R6" s="473" t="s">
        <v>497</v>
      </c>
      <c r="S6" s="472" t="s">
        <v>498</v>
      </c>
      <c r="T6" s="473" t="s">
        <v>499</v>
      </c>
      <c r="U6" s="474" t="s">
        <v>497</v>
      </c>
      <c r="V6" s="336" t="s">
        <v>501</v>
      </c>
      <c r="W6" s="475" t="s">
        <v>498</v>
      </c>
      <c r="X6" s="336" t="s">
        <v>501</v>
      </c>
      <c r="Y6" s="475" t="s">
        <v>499</v>
      </c>
      <c r="Z6" s="336" t="s">
        <v>501</v>
      </c>
      <c r="AA6" s="475" t="s">
        <v>497</v>
      </c>
      <c r="AB6" s="336" t="s">
        <v>501</v>
      </c>
      <c r="AC6" s="475" t="s">
        <v>498</v>
      </c>
      <c r="AD6" s="336" t="s">
        <v>501</v>
      </c>
      <c r="AE6" s="475" t="s">
        <v>499</v>
      </c>
      <c r="AF6" s="337" t="s">
        <v>501</v>
      </c>
    </row>
    <row r="7" spans="1:35" s="78" customFormat="1" ht="22.5" customHeight="1">
      <c r="A7" s="481" t="s">
        <v>192</v>
      </c>
      <c r="B7" s="239"/>
      <c r="C7" s="86" t="s">
        <v>192</v>
      </c>
      <c r="D7" s="105" t="s">
        <v>192</v>
      </c>
      <c r="E7" s="86" t="s">
        <v>192</v>
      </c>
      <c r="F7" s="106" t="s">
        <v>192</v>
      </c>
      <c r="G7" s="105" t="s">
        <v>192</v>
      </c>
      <c r="H7" s="86" t="s">
        <v>192</v>
      </c>
      <c r="I7" s="106" t="s">
        <v>192</v>
      </c>
      <c r="J7" s="105" t="s">
        <v>192</v>
      </c>
      <c r="K7" s="105" t="s">
        <v>192</v>
      </c>
      <c r="L7" s="479" t="s">
        <v>192</v>
      </c>
      <c r="M7" s="86" t="s">
        <v>503</v>
      </c>
      <c r="N7" s="479" t="s">
        <v>192</v>
      </c>
      <c r="O7" s="86" t="s">
        <v>503</v>
      </c>
      <c r="P7" s="479" t="s">
        <v>192</v>
      </c>
      <c r="Q7" s="86" t="s">
        <v>503</v>
      </c>
      <c r="R7" s="478" t="s">
        <v>192</v>
      </c>
      <c r="S7" s="105" t="s">
        <v>192</v>
      </c>
      <c r="T7" s="86" t="s">
        <v>192</v>
      </c>
      <c r="U7" s="479" t="s">
        <v>192</v>
      </c>
      <c r="V7" s="86" t="s">
        <v>503</v>
      </c>
      <c r="W7" s="479" t="s">
        <v>192</v>
      </c>
      <c r="X7" s="86" t="s">
        <v>503</v>
      </c>
      <c r="Y7" s="479" t="s">
        <v>192</v>
      </c>
      <c r="Z7" s="86" t="s">
        <v>503</v>
      </c>
      <c r="AA7" s="479" t="s">
        <v>192</v>
      </c>
      <c r="AB7" s="86" t="s">
        <v>503</v>
      </c>
      <c r="AC7" s="479" t="s">
        <v>192</v>
      </c>
      <c r="AD7" s="86" t="s">
        <v>503</v>
      </c>
      <c r="AE7" s="479" t="s">
        <v>192</v>
      </c>
      <c r="AF7" s="86" t="s">
        <v>503</v>
      </c>
    </row>
    <row r="8" spans="1:35" s="495" customFormat="1" ht="22.5" customHeight="1">
      <c r="A8" s="499">
        <v>1315618</v>
      </c>
      <c r="B8" s="338" t="s">
        <v>194</v>
      </c>
      <c r="C8" s="500">
        <v>1982</v>
      </c>
      <c r="D8" s="501">
        <v>652</v>
      </c>
      <c r="E8" s="500">
        <v>1330</v>
      </c>
      <c r="F8" s="502">
        <v>-6436</v>
      </c>
      <c r="G8" s="501">
        <v>-3517</v>
      </c>
      <c r="H8" s="500">
        <v>-2919</v>
      </c>
      <c r="I8" s="502">
        <v>7880</v>
      </c>
      <c r="J8" s="501">
        <v>3974</v>
      </c>
      <c r="K8" s="501">
        <v>3906</v>
      </c>
      <c r="L8" s="502">
        <v>14316</v>
      </c>
      <c r="M8" s="339" t="s">
        <v>504</v>
      </c>
      <c r="N8" s="502">
        <v>7491</v>
      </c>
      <c r="O8" s="339" t="s">
        <v>505</v>
      </c>
      <c r="P8" s="502">
        <v>6825</v>
      </c>
      <c r="Q8" s="339" t="s">
        <v>505</v>
      </c>
      <c r="R8" s="501">
        <v>8418</v>
      </c>
      <c r="S8" s="501">
        <v>4169</v>
      </c>
      <c r="T8" s="500">
        <v>4249</v>
      </c>
      <c r="U8" s="502">
        <v>57618</v>
      </c>
      <c r="V8" s="339" t="s">
        <v>505</v>
      </c>
      <c r="W8" s="502">
        <v>30847</v>
      </c>
      <c r="X8" s="339" t="s">
        <v>505</v>
      </c>
      <c r="Y8" s="502">
        <v>26771</v>
      </c>
      <c r="Z8" s="339" t="s">
        <v>505</v>
      </c>
      <c r="AA8" s="502">
        <v>49200</v>
      </c>
      <c r="AB8" s="339" t="s">
        <v>505</v>
      </c>
      <c r="AC8" s="502">
        <v>26678</v>
      </c>
      <c r="AD8" s="339" t="s">
        <v>505</v>
      </c>
      <c r="AE8" s="502">
        <v>22522</v>
      </c>
      <c r="AF8" s="339" t="s">
        <v>505</v>
      </c>
    </row>
    <row r="9" spans="1:35" s="346" customFormat="1" ht="15.75" customHeight="1">
      <c r="A9" s="355"/>
      <c r="B9" s="341"/>
      <c r="C9" s="342"/>
      <c r="D9" s="299"/>
      <c r="E9" s="342"/>
      <c r="F9" s="298"/>
      <c r="G9" s="299"/>
      <c r="H9" s="342"/>
      <c r="I9" s="298"/>
      <c r="J9" s="299"/>
      <c r="K9" s="299"/>
      <c r="L9" s="298"/>
      <c r="M9" s="343"/>
      <c r="N9" s="298"/>
      <c r="O9" s="344"/>
      <c r="P9" s="298"/>
      <c r="Q9" s="345"/>
      <c r="R9" s="342"/>
      <c r="S9" s="299"/>
      <c r="T9" s="342"/>
      <c r="U9" s="298"/>
      <c r="V9" s="343"/>
      <c r="W9" s="298"/>
      <c r="X9" s="344"/>
      <c r="Y9" s="298"/>
      <c r="Z9" s="344"/>
      <c r="AA9" s="298"/>
      <c r="AB9" s="343"/>
      <c r="AC9" s="298"/>
      <c r="AD9" s="344"/>
      <c r="AE9" s="298"/>
      <c r="AF9" s="343"/>
    </row>
    <row r="10" spans="1:35" s="346" customFormat="1" ht="22.5" customHeight="1">
      <c r="A10" s="377">
        <v>44347</v>
      </c>
      <c r="B10" s="378" t="s">
        <v>436</v>
      </c>
      <c r="C10" s="503">
        <v>8918</v>
      </c>
      <c r="D10" s="504">
        <v>4504</v>
      </c>
      <c r="E10" s="503">
        <v>4414</v>
      </c>
      <c r="F10" s="505">
        <v>7856</v>
      </c>
      <c r="G10" s="504">
        <v>3960</v>
      </c>
      <c r="H10" s="503">
        <v>3896</v>
      </c>
      <c r="I10" s="506">
        <v>7880</v>
      </c>
      <c r="J10" s="505">
        <v>3974</v>
      </c>
      <c r="K10" s="504">
        <v>3906</v>
      </c>
      <c r="L10" s="507">
        <v>24</v>
      </c>
      <c r="M10" s="508">
        <v>0.2</v>
      </c>
      <c r="N10" s="507">
        <v>14</v>
      </c>
      <c r="O10" s="509">
        <v>0.2</v>
      </c>
      <c r="P10" s="507">
        <v>10</v>
      </c>
      <c r="Q10" s="509">
        <v>0.1</v>
      </c>
      <c r="R10" s="503">
        <v>1062</v>
      </c>
      <c r="S10" s="504">
        <v>544</v>
      </c>
      <c r="T10" s="503">
        <v>518</v>
      </c>
      <c r="U10" s="505">
        <v>3461</v>
      </c>
      <c r="V10" s="508">
        <v>6</v>
      </c>
      <c r="W10" s="507">
        <v>1797</v>
      </c>
      <c r="X10" s="509">
        <v>5.8</v>
      </c>
      <c r="Y10" s="507">
        <v>1664</v>
      </c>
      <c r="Z10" s="509">
        <v>6.2</v>
      </c>
      <c r="AA10" s="505">
        <v>2399</v>
      </c>
      <c r="AB10" s="508">
        <v>4.9000000000000004</v>
      </c>
      <c r="AC10" s="507">
        <v>1253</v>
      </c>
      <c r="AD10" s="509">
        <v>4.7</v>
      </c>
      <c r="AE10" s="505">
        <v>1146</v>
      </c>
      <c r="AF10" s="508">
        <v>5.0999999999999996</v>
      </c>
    </row>
    <row r="11" spans="1:35" s="346" customFormat="1" ht="22.5" customHeight="1">
      <c r="A11" s="377">
        <v>53060</v>
      </c>
      <c r="B11" s="380" t="s">
        <v>438</v>
      </c>
      <c r="C11" s="503">
        <v>427</v>
      </c>
      <c r="D11" s="504">
        <v>205</v>
      </c>
      <c r="E11" s="503">
        <v>222</v>
      </c>
      <c r="F11" s="505">
        <v>-3</v>
      </c>
      <c r="G11" s="504">
        <v>0</v>
      </c>
      <c r="H11" s="503">
        <v>-3</v>
      </c>
      <c r="I11" s="348" t="s">
        <v>72</v>
      </c>
      <c r="J11" s="349" t="s">
        <v>506</v>
      </c>
      <c r="K11" s="349" t="s">
        <v>72</v>
      </c>
      <c r="L11" s="505">
        <v>3</v>
      </c>
      <c r="M11" s="508">
        <v>0</v>
      </c>
      <c r="N11" s="505">
        <v>0</v>
      </c>
      <c r="O11" s="509">
        <v>0</v>
      </c>
      <c r="P11" s="505">
        <v>3</v>
      </c>
      <c r="Q11" s="509">
        <v>0</v>
      </c>
      <c r="R11" s="503">
        <v>430</v>
      </c>
      <c r="S11" s="504">
        <v>205</v>
      </c>
      <c r="T11" s="503">
        <v>225</v>
      </c>
      <c r="U11" s="505">
        <v>1727</v>
      </c>
      <c r="V11" s="508">
        <v>3</v>
      </c>
      <c r="W11" s="505">
        <v>867</v>
      </c>
      <c r="X11" s="509">
        <v>2.8</v>
      </c>
      <c r="Y11" s="505">
        <v>860</v>
      </c>
      <c r="Z11" s="509">
        <v>3.2</v>
      </c>
      <c r="AA11" s="505">
        <v>1297</v>
      </c>
      <c r="AB11" s="508">
        <v>2.6</v>
      </c>
      <c r="AC11" s="505">
        <v>662</v>
      </c>
      <c r="AD11" s="509">
        <v>2.5</v>
      </c>
      <c r="AE11" s="505">
        <v>635</v>
      </c>
      <c r="AF11" s="508">
        <v>2.8</v>
      </c>
    </row>
    <row r="12" spans="1:35" s="346" customFormat="1" ht="22.5" customHeight="1">
      <c r="A12" s="377">
        <v>57306</v>
      </c>
      <c r="B12" s="380" t="s">
        <v>439</v>
      </c>
      <c r="C12" s="503">
        <v>216</v>
      </c>
      <c r="D12" s="504">
        <v>106</v>
      </c>
      <c r="E12" s="503">
        <v>110</v>
      </c>
      <c r="F12" s="505">
        <v>-3</v>
      </c>
      <c r="G12" s="504">
        <v>-1</v>
      </c>
      <c r="H12" s="503">
        <v>-2</v>
      </c>
      <c r="I12" s="348" t="s">
        <v>506</v>
      </c>
      <c r="J12" s="349" t="s">
        <v>72</v>
      </c>
      <c r="K12" s="349" t="s">
        <v>72</v>
      </c>
      <c r="L12" s="505">
        <v>3</v>
      </c>
      <c r="M12" s="508">
        <v>0</v>
      </c>
      <c r="N12" s="505">
        <v>1</v>
      </c>
      <c r="O12" s="509">
        <v>0</v>
      </c>
      <c r="P12" s="505">
        <v>2</v>
      </c>
      <c r="Q12" s="509">
        <v>0</v>
      </c>
      <c r="R12" s="503">
        <v>219</v>
      </c>
      <c r="S12" s="504">
        <v>107</v>
      </c>
      <c r="T12" s="503">
        <v>112</v>
      </c>
      <c r="U12" s="505">
        <v>925</v>
      </c>
      <c r="V12" s="508">
        <v>1.6</v>
      </c>
      <c r="W12" s="505">
        <v>452</v>
      </c>
      <c r="X12" s="509">
        <v>1.5</v>
      </c>
      <c r="Y12" s="505">
        <v>473</v>
      </c>
      <c r="Z12" s="509">
        <v>1.8</v>
      </c>
      <c r="AA12" s="505">
        <v>706</v>
      </c>
      <c r="AB12" s="508">
        <v>1.4</v>
      </c>
      <c r="AC12" s="505">
        <v>345</v>
      </c>
      <c r="AD12" s="509">
        <v>1.3</v>
      </c>
      <c r="AE12" s="505">
        <v>361</v>
      </c>
      <c r="AF12" s="508">
        <v>1.6</v>
      </c>
    </row>
    <row r="13" spans="1:35" s="346" customFormat="1" ht="22.5" customHeight="1">
      <c r="A13" s="377">
        <v>59978</v>
      </c>
      <c r="B13" s="380" t="s">
        <v>440</v>
      </c>
      <c r="C13" s="503">
        <v>791</v>
      </c>
      <c r="D13" s="504">
        <v>514</v>
      </c>
      <c r="E13" s="503">
        <v>277</v>
      </c>
      <c r="F13" s="505">
        <v>-12</v>
      </c>
      <c r="G13" s="504">
        <v>-9</v>
      </c>
      <c r="H13" s="503">
        <v>-3</v>
      </c>
      <c r="I13" s="348" t="s">
        <v>72</v>
      </c>
      <c r="J13" s="349" t="s">
        <v>72</v>
      </c>
      <c r="K13" s="349" t="s">
        <v>72</v>
      </c>
      <c r="L13" s="505">
        <v>12</v>
      </c>
      <c r="M13" s="508">
        <v>0.1</v>
      </c>
      <c r="N13" s="505">
        <v>9</v>
      </c>
      <c r="O13" s="509">
        <v>0.1</v>
      </c>
      <c r="P13" s="505">
        <v>3</v>
      </c>
      <c r="Q13" s="509">
        <v>0</v>
      </c>
      <c r="R13" s="503">
        <v>803</v>
      </c>
      <c r="S13" s="504">
        <v>523</v>
      </c>
      <c r="T13" s="503">
        <v>280</v>
      </c>
      <c r="U13" s="505">
        <v>2324</v>
      </c>
      <c r="V13" s="508">
        <v>4</v>
      </c>
      <c r="W13" s="505">
        <v>1335</v>
      </c>
      <c r="X13" s="509">
        <v>4.3</v>
      </c>
      <c r="Y13" s="505">
        <v>989</v>
      </c>
      <c r="Z13" s="509">
        <v>3.7</v>
      </c>
      <c r="AA13" s="505">
        <v>1521</v>
      </c>
      <c r="AB13" s="508">
        <v>3.1</v>
      </c>
      <c r="AC13" s="505">
        <v>812</v>
      </c>
      <c r="AD13" s="509">
        <v>3</v>
      </c>
      <c r="AE13" s="505">
        <v>709</v>
      </c>
      <c r="AF13" s="508">
        <v>3.1</v>
      </c>
    </row>
    <row r="14" spans="1:35" s="346" customFormat="1" ht="22.5" customHeight="1">
      <c r="A14" s="355">
        <v>67126</v>
      </c>
      <c r="B14" s="381" t="s">
        <v>441</v>
      </c>
      <c r="C14" s="510">
        <v>-201</v>
      </c>
      <c r="D14" s="511">
        <v>23</v>
      </c>
      <c r="E14" s="510">
        <v>-224</v>
      </c>
      <c r="F14" s="512">
        <v>-29</v>
      </c>
      <c r="G14" s="511">
        <v>-18</v>
      </c>
      <c r="H14" s="510">
        <v>-11</v>
      </c>
      <c r="I14" s="513" t="s">
        <v>72</v>
      </c>
      <c r="J14" s="514" t="s">
        <v>72</v>
      </c>
      <c r="K14" s="514" t="s">
        <v>72</v>
      </c>
      <c r="L14" s="505">
        <v>29</v>
      </c>
      <c r="M14" s="515">
        <v>0.2</v>
      </c>
      <c r="N14" s="512">
        <v>18</v>
      </c>
      <c r="O14" s="516">
        <v>0.2</v>
      </c>
      <c r="P14" s="512">
        <v>11</v>
      </c>
      <c r="Q14" s="516">
        <v>0.2</v>
      </c>
      <c r="R14" s="517">
        <v>-172</v>
      </c>
      <c r="S14" s="511">
        <v>41</v>
      </c>
      <c r="T14" s="510">
        <v>-213</v>
      </c>
      <c r="U14" s="512">
        <v>8401</v>
      </c>
      <c r="V14" s="515">
        <v>14.6</v>
      </c>
      <c r="W14" s="512">
        <v>4574</v>
      </c>
      <c r="X14" s="516">
        <v>14.8</v>
      </c>
      <c r="Y14" s="512">
        <v>3827</v>
      </c>
      <c r="Z14" s="516">
        <v>14.3</v>
      </c>
      <c r="AA14" s="512">
        <v>8573</v>
      </c>
      <c r="AB14" s="515">
        <v>17.399999999999999</v>
      </c>
      <c r="AC14" s="512">
        <v>4533</v>
      </c>
      <c r="AD14" s="516">
        <v>17</v>
      </c>
      <c r="AE14" s="512">
        <v>4040</v>
      </c>
      <c r="AF14" s="515">
        <v>17.899999999999999</v>
      </c>
    </row>
    <row r="15" spans="1:35" s="346" customFormat="1" ht="22.5" customHeight="1">
      <c r="A15" s="377">
        <v>60874</v>
      </c>
      <c r="B15" s="380" t="s">
        <v>442</v>
      </c>
      <c r="C15" s="503">
        <v>498</v>
      </c>
      <c r="D15" s="504">
        <v>221</v>
      </c>
      <c r="E15" s="503">
        <v>277</v>
      </c>
      <c r="F15" s="505">
        <v>-20</v>
      </c>
      <c r="G15" s="504">
        <v>-15</v>
      </c>
      <c r="H15" s="503">
        <v>-5</v>
      </c>
      <c r="I15" s="348" t="s">
        <v>72</v>
      </c>
      <c r="J15" s="349" t="s">
        <v>72</v>
      </c>
      <c r="K15" s="349" t="s">
        <v>72</v>
      </c>
      <c r="L15" s="507">
        <v>20</v>
      </c>
      <c r="M15" s="508">
        <v>0.1</v>
      </c>
      <c r="N15" s="505">
        <v>15</v>
      </c>
      <c r="O15" s="509">
        <v>0.2</v>
      </c>
      <c r="P15" s="505">
        <v>5</v>
      </c>
      <c r="Q15" s="509">
        <v>0.1</v>
      </c>
      <c r="R15" s="503">
        <v>518</v>
      </c>
      <c r="S15" s="504">
        <v>236</v>
      </c>
      <c r="T15" s="503">
        <v>282</v>
      </c>
      <c r="U15" s="505">
        <v>11231</v>
      </c>
      <c r="V15" s="508">
        <v>19.5</v>
      </c>
      <c r="W15" s="505">
        <v>6114</v>
      </c>
      <c r="X15" s="509">
        <v>19.8</v>
      </c>
      <c r="Y15" s="505">
        <v>5117</v>
      </c>
      <c r="Z15" s="509">
        <v>19.100000000000001</v>
      </c>
      <c r="AA15" s="505">
        <v>10713</v>
      </c>
      <c r="AB15" s="508">
        <v>21.8</v>
      </c>
      <c r="AC15" s="505">
        <v>5878</v>
      </c>
      <c r="AD15" s="509">
        <v>22</v>
      </c>
      <c r="AE15" s="505">
        <v>4835</v>
      </c>
      <c r="AF15" s="508">
        <v>21.5</v>
      </c>
    </row>
    <row r="16" spans="1:35" s="346" customFormat="1" ht="22.5" customHeight="1">
      <c r="A16" s="377">
        <v>61605</v>
      </c>
      <c r="B16" s="380" t="s">
        <v>443</v>
      </c>
      <c r="C16" s="503">
        <v>1237</v>
      </c>
      <c r="D16" s="504">
        <v>602</v>
      </c>
      <c r="E16" s="503">
        <v>635</v>
      </c>
      <c r="F16" s="505">
        <v>-20</v>
      </c>
      <c r="G16" s="504">
        <v>-15</v>
      </c>
      <c r="H16" s="503">
        <v>-5</v>
      </c>
      <c r="I16" s="348" t="s">
        <v>72</v>
      </c>
      <c r="J16" s="349" t="s">
        <v>72</v>
      </c>
      <c r="K16" s="349" t="s">
        <v>72</v>
      </c>
      <c r="L16" s="505">
        <v>20</v>
      </c>
      <c r="M16" s="508">
        <v>0.1</v>
      </c>
      <c r="N16" s="505">
        <v>15</v>
      </c>
      <c r="O16" s="509">
        <v>0.2</v>
      </c>
      <c r="P16" s="505">
        <v>5</v>
      </c>
      <c r="Q16" s="509">
        <v>0.1</v>
      </c>
      <c r="R16" s="503">
        <v>1257</v>
      </c>
      <c r="S16" s="504">
        <v>617</v>
      </c>
      <c r="T16" s="503">
        <v>640</v>
      </c>
      <c r="U16" s="505">
        <v>7898</v>
      </c>
      <c r="V16" s="508">
        <v>13.7</v>
      </c>
      <c r="W16" s="505">
        <v>4263</v>
      </c>
      <c r="X16" s="509">
        <v>13.8</v>
      </c>
      <c r="Y16" s="505">
        <v>3635</v>
      </c>
      <c r="Z16" s="509">
        <v>13.6</v>
      </c>
      <c r="AA16" s="505">
        <v>6641</v>
      </c>
      <c r="AB16" s="508">
        <v>13.5</v>
      </c>
      <c r="AC16" s="505">
        <v>3646</v>
      </c>
      <c r="AD16" s="509">
        <v>13.7</v>
      </c>
      <c r="AE16" s="505">
        <v>2995</v>
      </c>
      <c r="AF16" s="508">
        <v>13.3</v>
      </c>
    </row>
    <row r="17" spans="1:32" s="346" customFormat="1" ht="22.5" customHeight="1">
      <c r="A17" s="377">
        <v>72640</v>
      </c>
      <c r="B17" s="380" t="s">
        <v>444</v>
      </c>
      <c r="C17" s="503">
        <v>1115</v>
      </c>
      <c r="D17" s="504">
        <v>569</v>
      </c>
      <c r="E17" s="503">
        <v>546</v>
      </c>
      <c r="F17" s="505">
        <v>-34</v>
      </c>
      <c r="G17" s="504">
        <v>-22</v>
      </c>
      <c r="H17" s="503">
        <v>-12</v>
      </c>
      <c r="I17" s="348" t="s">
        <v>72</v>
      </c>
      <c r="J17" s="349" t="s">
        <v>72</v>
      </c>
      <c r="K17" s="349" t="s">
        <v>72</v>
      </c>
      <c r="L17" s="505">
        <v>34</v>
      </c>
      <c r="M17" s="508">
        <v>0.2</v>
      </c>
      <c r="N17" s="505">
        <v>22</v>
      </c>
      <c r="O17" s="509">
        <v>0.3</v>
      </c>
      <c r="P17" s="505">
        <v>12</v>
      </c>
      <c r="Q17" s="509">
        <v>0.2</v>
      </c>
      <c r="R17" s="503">
        <v>1149</v>
      </c>
      <c r="S17" s="504">
        <v>591</v>
      </c>
      <c r="T17" s="503">
        <v>558</v>
      </c>
      <c r="U17" s="505">
        <v>5253</v>
      </c>
      <c r="V17" s="508">
        <v>9.1</v>
      </c>
      <c r="W17" s="505">
        <v>2876</v>
      </c>
      <c r="X17" s="509">
        <v>9.3000000000000007</v>
      </c>
      <c r="Y17" s="505">
        <v>2377</v>
      </c>
      <c r="Z17" s="509">
        <v>8.9</v>
      </c>
      <c r="AA17" s="505">
        <v>4104</v>
      </c>
      <c r="AB17" s="508">
        <v>8.3000000000000007</v>
      </c>
      <c r="AC17" s="505">
        <v>2285</v>
      </c>
      <c r="AD17" s="509">
        <v>8.6</v>
      </c>
      <c r="AE17" s="505">
        <v>1819</v>
      </c>
      <c r="AF17" s="508">
        <v>8.1</v>
      </c>
    </row>
    <row r="18" spans="1:32" s="346" customFormat="1" ht="22.5" customHeight="1">
      <c r="A18" s="377">
        <v>85586</v>
      </c>
      <c r="B18" s="380" t="s">
        <v>445</v>
      </c>
      <c r="C18" s="503">
        <v>755</v>
      </c>
      <c r="D18" s="504">
        <v>343</v>
      </c>
      <c r="E18" s="503">
        <v>412</v>
      </c>
      <c r="F18" s="505">
        <v>-65</v>
      </c>
      <c r="G18" s="504">
        <v>-41</v>
      </c>
      <c r="H18" s="503">
        <v>-24</v>
      </c>
      <c r="I18" s="348" t="s">
        <v>72</v>
      </c>
      <c r="J18" s="349" t="s">
        <v>72</v>
      </c>
      <c r="K18" s="349" t="s">
        <v>72</v>
      </c>
      <c r="L18" s="505">
        <v>65</v>
      </c>
      <c r="M18" s="508">
        <v>0.5</v>
      </c>
      <c r="N18" s="505">
        <v>41</v>
      </c>
      <c r="O18" s="509">
        <v>0.5</v>
      </c>
      <c r="P18" s="505">
        <v>24</v>
      </c>
      <c r="Q18" s="509">
        <v>0.4</v>
      </c>
      <c r="R18" s="503">
        <v>820</v>
      </c>
      <c r="S18" s="504">
        <v>384</v>
      </c>
      <c r="T18" s="503">
        <v>436</v>
      </c>
      <c r="U18" s="505">
        <v>3674</v>
      </c>
      <c r="V18" s="508">
        <v>6.4</v>
      </c>
      <c r="W18" s="505">
        <v>2068</v>
      </c>
      <c r="X18" s="509">
        <v>6.7</v>
      </c>
      <c r="Y18" s="505">
        <v>1606</v>
      </c>
      <c r="Z18" s="509">
        <v>6</v>
      </c>
      <c r="AA18" s="505">
        <v>2854</v>
      </c>
      <c r="AB18" s="508">
        <v>5.8</v>
      </c>
      <c r="AC18" s="505">
        <v>1684</v>
      </c>
      <c r="AD18" s="509">
        <v>6.3</v>
      </c>
      <c r="AE18" s="505">
        <v>1170</v>
      </c>
      <c r="AF18" s="508">
        <v>5.2</v>
      </c>
    </row>
    <row r="19" spans="1:32" s="346" customFormat="1" ht="22.5" customHeight="1">
      <c r="A19" s="355">
        <v>102959</v>
      </c>
      <c r="B19" s="381" t="s">
        <v>446</v>
      </c>
      <c r="C19" s="510">
        <v>402</v>
      </c>
      <c r="D19" s="511">
        <v>127</v>
      </c>
      <c r="E19" s="510">
        <v>275</v>
      </c>
      <c r="F19" s="512">
        <v>-147</v>
      </c>
      <c r="G19" s="511">
        <v>-96</v>
      </c>
      <c r="H19" s="510">
        <v>-51</v>
      </c>
      <c r="I19" s="513" t="s">
        <v>72</v>
      </c>
      <c r="J19" s="514" t="s">
        <v>72</v>
      </c>
      <c r="K19" s="514" t="s">
        <v>72</v>
      </c>
      <c r="L19" s="505">
        <v>147</v>
      </c>
      <c r="M19" s="515">
        <v>1</v>
      </c>
      <c r="N19" s="512">
        <v>96</v>
      </c>
      <c r="O19" s="516">
        <v>1.3</v>
      </c>
      <c r="P19" s="512">
        <v>51</v>
      </c>
      <c r="Q19" s="516">
        <v>0.7</v>
      </c>
      <c r="R19" s="510">
        <v>549</v>
      </c>
      <c r="S19" s="511">
        <v>223</v>
      </c>
      <c r="T19" s="510">
        <v>326</v>
      </c>
      <c r="U19" s="512">
        <v>2953</v>
      </c>
      <c r="V19" s="515">
        <v>5.0999999999999996</v>
      </c>
      <c r="W19" s="512">
        <v>1622</v>
      </c>
      <c r="X19" s="516">
        <v>5.3</v>
      </c>
      <c r="Y19" s="512">
        <v>1331</v>
      </c>
      <c r="Z19" s="516">
        <v>5</v>
      </c>
      <c r="AA19" s="512">
        <v>2404</v>
      </c>
      <c r="AB19" s="515">
        <v>4.9000000000000004</v>
      </c>
      <c r="AC19" s="512">
        <v>1399</v>
      </c>
      <c r="AD19" s="516">
        <v>5.2</v>
      </c>
      <c r="AE19" s="512">
        <v>1005</v>
      </c>
      <c r="AF19" s="515">
        <v>4.5</v>
      </c>
    </row>
    <row r="20" spans="1:32" s="346" customFormat="1" ht="22.5" customHeight="1">
      <c r="A20" s="377">
        <v>107601</v>
      </c>
      <c r="B20" s="380" t="s">
        <v>447</v>
      </c>
      <c r="C20" s="503">
        <v>179</v>
      </c>
      <c r="D20" s="504">
        <v>39</v>
      </c>
      <c r="E20" s="503">
        <v>140</v>
      </c>
      <c r="F20" s="505">
        <v>-218</v>
      </c>
      <c r="G20" s="504">
        <v>-131</v>
      </c>
      <c r="H20" s="503">
        <v>-87</v>
      </c>
      <c r="I20" s="348" t="s">
        <v>72</v>
      </c>
      <c r="J20" s="349" t="s">
        <v>72</v>
      </c>
      <c r="K20" s="349" t="s">
        <v>72</v>
      </c>
      <c r="L20" s="507">
        <v>218</v>
      </c>
      <c r="M20" s="508">
        <v>1.5</v>
      </c>
      <c r="N20" s="505">
        <v>131</v>
      </c>
      <c r="O20" s="509">
        <v>1.7</v>
      </c>
      <c r="P20" s="505">
        <v>87</v>
      </c>
      <c r="Q20" s="509">
        <v>1.3</v>
      </c>
      <c r="R20" s="503">
        <v>397</v>
      </c>
      <c r="S20" s="504">
        <v>170</v>
      </c>
      <c r="T20" s="503">
        <v>227</v>
      </c>
      <c r="U20" s="505">
        <v>2502</v>
      </c>
      <c r="V20" s="508">
        <v>4.3</v>
      </c>
      <c r="W20" s="505">
        <v>1370</v>
      </c>
      <c r="X20" s="509">
        <v>4.4000000000000004</v>
      </c>
      <c r="Y20" s="505">
        <v>1132</v>
      </c>
      <c r="Z20" s="509">
        <v>4.2</v>
      </c>
      <c r="AA20" s="505">
        <v>2105</v>
      </c>
      <c r="AB20" s="508">
        <v>4.3</v>
      </c>
      <c r="AC20" s="505">
        <v>1200</v>
      </c>
      <c r="AD20" s="509">
        <v>4.5</v>
      </c>
      <c r="AE20" s="505">
        <v>905</v>
      </c>
      <c r="AF20" s="508">
        <v>4</v>
      </c>
    </row>
    <row r="21" spans="1:32" s="346" customFormat="1" ht="22.5" customHeight="1">
      <c r="A21" s="377">
        <v>89832</v>
      </c>
      <c r="B21" s="380" t="s">
        <v>448</v>
      </c>
      <c r="C21" s="503">
        <v>48</v>
      </c>
      <c r="D21" s="504">
        <v>7</v>
      </c>
      <c r="E21" s="503">
        <v>41</v>
      </c>
      <c r="F21" s="505">
        <v>-317</v>
      </c>
      <c r="G21" s="504">
        <v>-203</v>
      </c>
      <c r="H21" s="503">
        <v>-114</v>
      </c>
      <c r="I21" s="348" t="s">
        <v>72</v>
      </c>
      <c r="J21" s="349" t="s">
        <v>72</v>
      </c>
      <c r="K21" s="349" t="s">
        <v>72</v>
      </c>
      <c r="L21" s="505">
        <v>317</v>
      </c>
      <c r="M21" s="508">
        <v>2.2000000000000002</v>
      </c>
      <c r="N21" s="505">
        <v>203</v>
      </c>
      <c r="O21" s="509">
        <v>2.7</v>
      </c>
      <c r="P21" s="505">
        <v>114</v>
      </c>
      <c r="Q21" s="509">
        <v>1.7</v>
      </c>
      <c r="R21" s="503">
        <v>365</v>
      </c>
      <c r="S21" s="504">
        <v>210</v>
      </c>
      <c r="T21" s="503">
        <v>155</v>
      </c>
      <c r="U21" s="505">
        <v>1835</v>
      </c>
      <c r="V21" s="508">
        <v>3.2</v>
      </c>
      <c r="W21" s="505">
        <v>1033</v>
      </c>
      <c r="X21" s="509">
        <v>3.3</v>
      </c>
      <c r="Y21" s="505">
        <v>802</v>
      </c>
      <c r="Z21" s="509">
        <v>3</v>
      </c>
      <c r="AA21" s="505">
        <v>1470</v>
      </c>
      <c r="AB21" s="508">
        <v>3</v>
      </c>
      <c r="AC21" s="505">
        <v>823</v>
      </c>
      <c r="AD21" s="509">
        <v>3.1</v>
      </c>
      <c r="AE21" s="505">
        <v>647</v>
      </c>
      <c r="AF21" s="508">
        <v>2.9</v>
      </c>
    </row>
    <row r="22" spans="1:32" s="346" customFormat="1" ht="22.5" customHeight="1">
      <c r="A22" s="377">
        <v>74172</v>
      </c>
      <c r="B22" s="380" t="s">
        <v>449</v>
      </c>
      <c r="C22" s="503">
        <v>-137</v>
      </c>
      <c r="D22" s="504">
        <v>-137</v>
      </c>
      <c r="E22" s="503">
        <v>0</v>
      </c>
      <c r="F22" s="505">
        <v>-391</v>
      </c>
      <c r="G22" s="504">
        <v>-256</v>
      </c>
      <c r="H22" s="503">
        <v>-135</v>
      </c>
      <c r="I22" s="348" t="s">
        <v>72</v>
      </c>
      <c r="J22" s="349" t="s">
        <v>72</v>
      </c>
      <c r="K22" s="349" t="s">
        <v>72</v>
      </c>
      <c r="L22" s="505">
        <v>391</v>
      </c>
      <c r="M22" s="508">
        <v>2.7</v>
      </c>
      <c r="N22" s="505">
        <v>256</v>
      </c>
      <c r="O22" s="509">
        <v>3.4</v>
      </c>
      <c r="P22" s="505">
        <v>135</v>
      </c>
      <c r="Q22" s="509">
        <v>2</v>
      </c>
      <c r="R22" s="503">
        <v>254</v>
      </c>
      <c r="S22" s="504">
        <v>119</v>
      </c>
      <c r="T22" s="503">
        <v>135</v>
      </c>
      <c r="U22" s="505">
        <v>1272</v>
      </c>
      <c r="V22" s="508">
        <v>2.2000000000000002</v>
      </c>
      <c r="W22" s="505">
        <v>716</v>
      </c>
      <c r="X22" s="509">
        <v>2.2999999999999998</v>
      </c>
      <c r="Y22" s="505">
        <v>556</v>
      </c>
      <c r="Z22" s="509">
        <v>2.1</v>
      </c>
      <c r="AA22" s="505">
        <v>1018</v>
      </c>
      <c r="AB22" s="508">
        <v>2.1</v>
      </c>
      <c r="AC22" s="505">
        <v>597</v>
      </c>
      <c r="AD22" s="509">
        <v>2.2000000000000002</v>
      </c>
      <c r="AE22" s="505">
        <v>421</v>
      </c>
      <c r="AF22" s="508">
        <v>1.9</v>
      </c>
    </row>
    <row r="23" spans="1:32" s="346" customFormat="1" ht="22.5" customHeight="1">
      <c r="A23" s="377">
        <v>69510</v>
      </c>
      <c r="B23" s="380" t="s">
        <v>450</v>
      </c>
      <c r="C23" s="503">
        <v>-485</v>
      </c>
      <c r="D23" s="504">
        <v>-331</v>
      </c>
      <c r="E23" s="503">
        <v>-154</v>
      </c>
      <c r="F23" s="505">
        <v>-593</v>
      </c>
      <c r="G23" s="504">
        <v>-404</v>
      </c>
      <c r="H23" s="503">
        <v>-189</v>
      </c>
      <c r="I23" s="348" t="s">
        <v>72</v>
      </c>
      <c r="J23" s="349" t="s">
        <v>72</v>
      </c>
      <c r="K23" s="349" t="s">
        <v>72</v>
      </c>
      <c r="L23" s="505">
        <v>593</v>
      </c>
      <c r="M23" s="508">
        <v>4.0999999999999996</v>
      </c>
      <c r="N23" s="505">
        <v>404</v>
      </c>
      <c r="O23" s="509">
        <v>5.4</v>
      </c>
      <c r="P23" s="505">
        <v>189</v>
      </c>
      <c r="Q23" s="509">
        <v>2.8</v>
      </c>
      <c r="R23" s="503">
        <v>108</v>
      </c>
      <c r="S23" s="504">
        <v>73</v>
      </c>
      <c r="T23" s="503">
        <v>35</v>
      </c>
      <c r="U23" s="505">
        <v>926</v>
      </c>
      <c r="V23" s="508">
        <v>1.6</v>
      </c>
      <c r="W23" s="505">
        <v>525</v>
      </c>
      <c r="X23" s="509">
        <v>1.7</v>
      </c>
      <c r="Y23" s="505">
        <v>401</v>
      </c>
      <c r="Z23" s="509">
        <v>1.5</v>
      </c>
      <c r="AA23" s="505">
        <v>818</v>
      </c>
      <c r="AB23" s="508">
        <v>1.7</v>
      </c>
      <c r="AC23" s="505">
        <v>452</v>
      </c>
      <c r="AD23" s="509">
        <v>1.7</v>
      </c>
      <c r="AE23" s="505">
        <v>366</v>
      </c>
      <c r="AF23" s="508">
        <v>1.6</v>
      </c>
    </row>
    <row r="24" spans="1:32" s="346" customFormat="1" ht="22.5" customHeight="1">
      <c r="A24" s="355">
        <v>91255</v>
      </c>
      <c r="B24" s="380" t="s">
        <v>451</v>
      </c>
      <c r="C24" s="510">
        <v>-1021</v>
      </c>
      <c r="D24" s="511">
        <v>-745</v>
      </c>
      <c r="E24" s="510">
        <v>-276</v>
      </c>
      <c r="F24" s="512">
        <v>-1228</v>
      </c>
      <c r="G24" s="511">
        <v>-807</v>
      </c>
      <c r="H24" s="510">
        <v>-421</v>
      </c>
      <c r="I24" s="513" t="s">
        <v>72</v>
      </c>
      <c r="J24" s="514" t="s">
        <v>72</v>
      </c>
      <c r="K24" s="514" t="s">
        <v>72</v>
      </c>
      <c r="L24" s="512">
        <v>1228</v>
      </c>
      <c r="M24" s="515">
        <v>8.6</v>
      </c>
      <c r="N24" s="512">
        <v>807</v>
      </c>
      <c r="O24" s="516">
        <v>10.8</v>
      </c>
      <c r="P24" s="512">
        <v>421</v>
      </c>
      <c r="Q24" s="516">
        <v>6.2</v>
      </c>
      <c r="R24" s="510">
        <v>207</v>
      </c>
      <c r="S24" s="511">
        <v>62</v>
      </c>
      <c r="T24" s="510">
        <v>145</v>
      </c>
      <c r="U24" s="512">
        <v>920</v>
      </c>
      <c r="V24" s="515">
        <v>1.6</v>
      </c>
      <c r="W24" s="512">
        <v>438</v>
      </c>
      <c r="X24" s="516">
        <v>1.4</v>
      </c>
      <c r="Y24" s="512">
        <v>482</v>
      </c>
      <c r="Z24" s="516">
        <v>1.8</v>
      </c>
      <c r="AA24" s="512">
        <v>713</v>
      </c>
      <c r="AB24" s="515">
        <v>1.4</v>
      </c>
      <c r="AC24" s="512">
        <v>376</v>
      </c>
      <c r="AD24" s="516">
        <v>1.4</v>
      </c>
      <c r="AE24" s="512">
        <v>337</v>
      </c>
      <c r="AF24" s="515">
        <v>1.5</v>
      </c>
    </row>
    <row r="25" spans="1:32" s="346" customFormat="1" ht="22.5" customHeight="1">
      <c r="A25" s="377">
        <v>75645</v>
      </c>
      <c r="B25" s="518" t="s">
        <v>452</v>
      </c>
      <c r="C25" s="503">
        <v>-1614</v>
      </c>
      <c r="D25" s="504">
        <v>-1109</v>
      </c>
      <c r="E25" s="503">
        <v>-505</v>
      </c>
      <c r="F25" s="505">
        <v>-1716</v>
      </c>
      <c r="G25" s="504">
        <v>-1125</v>
      </c>
      <c r="H25" s="503">
        <v>-591</v>
      </c>
      <c r="I25" s="348" t="s">
        <v>72</v>
      </c>
      <c r="J25" s="349" t="s">
        <v>72</v>
      </c>
      <c r="K25" s="349" t="s">
        <v>72</v>
      </c>
      <c r="L25" s="507">
        <v>1716</v>
      </c>
      <c r="M25" s="508">
        <v>12</v>
      </c>
      <c r="N25" s="505">
        <v>1125</v>
      </c>
      <c r="O25" s="509">
        <v>15</v>
      </c>
      <c r="P25" s="505">
        <v>591</v>
      </c>
      <c r="Q25" s="509">
        <v>8.6999999999999993</v>
      </c>
      <c r="R25" s="503">
        <v>102</v>
      </c>
      <c r="S25" s="504">
        <v>16</v>
      </c>
      <c r="T25" s="503">
        <v>86</v>
      </c>
      <c r="U25" s="505">
        <v>681</v>
      </c>
      <c r="V25" s="508">
        <v>1.2</v>
      </c>
      <c r="W25" s="505">
        <v>291</v>
      </c>
      <c r="X25" s="509">
        <v>0.9</v>
      </c>
      <c r="Y25" s="505">
        <v>390</v>
      </c>
      <c r="Z25" s="509">
        <v>1.5</v>
      </c>
      <c r="AA25" s="505">
        <v>579</v>
      </c>
      <c r="AB25" s="508">
        <v>1.2</v>
      </c>
      <c r="AC25" s="505">
        <v>275</v>
      </c>
      <c r="AD25" s="509">
        <v>1</v>
      </c>
      <c r="AE25" s="505">
        <v>304</v>
      </c>
      <c r="AF25" s="508">
        <v>1.3</v>
      </c>
    </row>
    <row r="26" spans="1:32" s="346" customFormat="1" ht="22.5" customHeight="1">
      <c r="A26" s="377">
        <v>59665</v>
      </c>
      <c r="B26" s="380" t="s">
        <v>453</v>
      </c>
      <c r="C26" s="503">
        <v>-2235</v>
      </c>
      <c r="D26" s="504">
        <v>-1360</v>
      </c>
      <c r="E26" s="503">
        <v>-875</v>
      </c>
      <c r="F26" s="505">
        <v>-2373</v>
      </c>
      <c r="G26" s="504">
        <v>-1378</v>
      </c>
      <c r="H26" s="503">
        <v>-995</v>
      </c>
      <c r="I26" s="348" t="s">
        <v>72</v>
      </c>
      <c r="J26" s="349" t="s">
        <v>72</v>
      </c>
      <c r="K26" s="349" t="s">
        <v>72</v>
      </c>
      <c r="L26" s="505">
        <v>2373</v>
      </c>
      <c r="M26" s="508">
        <v>16.600000000000001</v>
      </c>
      <c r="N26" s="505">
        <v>1378</v>
      </c>
      <c r="O26" s="509">
        <v>18.399999999999999</v>
      </c>
      <c r="P26" s="505">
        <v>995</v>
      </c>
      <c r="Q26" s="509">
        <v>14.6</v>
      </c>
      <c r="R26" s="503">
        <v>138</v>
      </c>
      <c r="S26" s="504">
        <v>18</v>
      </c>
      <c r="T26" s="503">
        <v>120</v>
      </c>
      <c r="U26" s="505">
        <v>652</v>
      </c>
      <c r="V26" s="508">
        <v>1.1000000000000001</v>
      </c>
      <c r="W26" s="505">
        <v>235</v>
      </c>
      <c r="X26" s="509">
        <v>0.8</v>
      </c>
      <c r="Y26" s="505">
        <v>417</v>
      </c>
      <c r="Z26" s="509">
        <v>1.6</v>
      </c>
      <c r="AA26" s="505">
        <v>514</v>
      </c>
      <c r="AB26" s="508">
        <v>1</v>
      </c>
      <c r="AC26" s="505">
        <v>217</v>
      </c>
      <c r="AD26" s="509">
        <v>0.8</v>
      </c>
      <c r="AE26" s="505">
        <v>297</v>
      </c>
      <c r="AF26" s="508">
        <v>1.3</v>
      </c>
    </row>
    <row r="27" spans="1:32" s="346" customFormat="1" ht="22.5" customHeight="1">
      <c r="A27" s="377">
        <v>37725</v>
      </c>
      <c r="B27" s="380" t="s">
        <v>454</v>
      </c>
      <c r="C27" s="503">
        <v>-2875</v>
      </c>
      <c r="D27" s="504">
        <v>-1529</v>
      </c>
      <c r="E27" s="503">
        <v>-1346</v>
      </c>
      <c r="F27" s="505">
        <v>-3006</v>
      </c>
      <c r="G27" s="504">
        <v>-1546</v>
      </c>
      <c r="H27" s="503">
        <v>-1460</v>
      </c>
      <c r="I27" s="348" t="s">
        <v>72</v>
      </c>
      <c r="J27" s="349" t="s">
        <v>72</v>
      </c>
      <c r="K27" s="349" t="s">
        <v>72</v>
      </c>
      <c r="L27" s="505">
        <v>3006</v>
      </c>
      <c r="M27" s="508">
        <v>21</v>
      </c>
      <c r="N27" s="505">
        <v>1546</v>
      </c>
      <c r="O27" s="509">
        <v>20.6</v>
      </c>
      <c r="P27" s="505">
        <v>1460</v>
      </c>
      <c r="Q27" s="509">
        <v>21.4</v>
      </c>
      <c r="R27" s="503">
        <v>131</v>
      </c>
      <c r="S27" s="504">
        <v>17</v>
      </c>
      <c r="T27" s="503">
        <v>114</v>
      </c>
      <c r="U27" s="505">
        <v>601</v>
      </c>
      <c r="V27" s="508">
        <v>1</v>
      </c>
      <c r="W27" s="505">
        <v>168</v>
      </c>
      <c r="X27" s="509">
        <v>0.5</v>
      </c>
      <c r="Y27" s="505">
        <v>433</v>
      </c>
      <c r="Z27" s="509">
        <v>1.6</v>
      </c>
      <c r="AA27" s="505">
        <v>470</v>
      </c>
      <c r="AB27" s="508">
        <v>1</v>
      </c>
      <c r="AC27" s="505">
        <v>151</v>
      </c>
      <c r="AD27" s="509">
        <v>0.6</v>
      </c>
      <c r="AE27" s="505">
        <v>319</v>
      </c>
      <c r="AF27" s="508">
        <v>1.4</v>
      </c>
    </row>
    <row r="28" spans="1:32" s="346" customFormat="1" ht="22.5" customHeight="1">
      <c r="A28" s="377">
        <v>17638</v>
      </c>
      <c r="B28" s="380" t="s">
        <v>455</v>
      </c>
      <c r="C28" s="503">
        <v>-2440</v>
      </c>
      <c r="D28" s="504">
        <v>-1000</v>
      </c>
      <c r="E28" s="503">
        <v>-1440</v>
      </c>
      <c r="F28" s="505">
        <v>-2510</v>
      </c>
      <c r="G28" s="504">
        <v>-1015</v>
      </c>
      <c r="H28" s="503">
        <v>-1495</v>
      </c>
      <c r="I28" s="348" t="s">
        <v>72</v>
      </c>
      <c r="J28" s="349" t="s">
        <v>72</v>
      </c>
      <c r="K28" s="349" t="s">
        <v>72</v>
      </c>
      <c r="L28" s="505">
        <v>2510</v>
      </c>
      <c r="M28" s="508">
        <v>17.5</v>
      </c>
      <c r="N28" s="505">
        <v>1015</v>
      </c>
      <c r="O28" s="509">
        <v>13.6</v>
      </c>
      <c r="P28" s="505">
        <v>1495</v>
      </c>
      <c r="Q28" s="509">
        <v>21.9</v>
      </c>
      <c r="R28" s="503">
        <v>70</v>
      </c>
      <c r="S28" s="504">
        <v>15</v>
      </c>
      <c r="T28" s="503">
        <v>55</v>
      </c>
      <c r="U28" s="505">
        <v>292</v>
      </c>
      <c r="V28" s="508">
        <v>0.5</v>
      </c>
      <c r="W28" s="505">
        <v>83</v>
      </c>
      <c r="X28" s="509">
        <v>0.3</v>
      </c>
      <c r="Y28" s="505">
        <v>209</v>
      </c>
      <c r="Z28" s="509">
        <v>0.8</v>
      </c>
      <c r="AA28" s="505">
        <v>222</v>
      </c>
      <c r="AB28" s="508">
        <v>0.5</v>
      </c>
      <c r="AC28" s="505">
        <v>68</v>
      </c>
      <c r="AD28" s="509">
        <v>0.3</v>
      </c>
      <c r="AE28" s="505">
        <v>154</v>
      </c>
      <c r="AF28" s="508">
        <v>0.7</v>
      </c>
    </row>
    <row r="29" spans="1:32" s="346" customFormat="1" ht="22.5" customHeight="1">
      <c r="A29" s="355">
        <v>4944</v>
      </c>
      <c r="B29" s="381" t="s">
        <v>456</v>
      </c>
      <c r="C29" s="510">
        <v>-1253</v>
      </c>
      <c r="D29" s="511">
        <v>-345</v>
      </c>
      <c r="E29" s="510">
        <v>-908</v>
      </c>
      <c r="F29" s="512">
        <v>-1269</v>
      </c>
      <c r="G29" s="511">
        <v>-342</v>
      </c>
      <c r="H29" s="510">
        <v>-927</v>
      </c>
      <c r="I29" s="513" t="s">
        <v>72</v>
      </c>
      <c r="J29" s="514" t="s">
        <v>72</v>
      </c>
      <c r="K29" s="514" t="s">
        <v>72</v>
      </c>
      <c r="L29" s="505">
        <v>1269</v>
      </c>
      <c r="M29" s="515">
        <v>8.9</v>
      </c>
      <c r="N29" s="512">
        <v>342</v>
      </c>
      <c r="O29" s="516">
        <v>4.5999999999999996</v>
      </c>
      <c r="P29" s="512">
        <v>927</v>
      </c>
      <c r="Q29" s="516">
        <v>13.6</v>
      </c>
      <c r="R29" s="510">
        <v>16</v>
      </c>
      <c r="S29" s="511">
        <v>-3</v>
      </c>
      <c r="T29" s="510">
        <v>19</v>
      </c>
      <c r="U29" s="512">
        <v>83</v>
      </c>
      <c r="V29" s="515">
        <v>0.1</v>
      </c>
      <c r="W29" s="512">
        <v>18</v>
      </c>
      <c r="X29" s="516">
        <v>0.1</v>
      </c>
      <c r="Y29" s="512">
        <v>65</v>
      </c>
      <c r="Z29" s="516">
        <v>0.2</v>
      </c>
      <c r="AA29" s="512">
        <v>67</v>
      </c>
      <c r="AB29" s="515">
        <v>0.1</v>
      </c>
      <c r="AC29" s="512">
        <v>21</v>
      </c>
      <c r="AD29" s="516">
        <v>0.1</v>
      </c>
      <c r="AE29" s="512">
        <v>46</v>
      </c>
      <c r="AF29" s="515">
        <v>0.2</v>
      </c>
    </row>
    <row r="30" spans="1:32" s="346" customFormat="1" ht="22.5" customHeight="1">
      <c r="A30" s="519">
        <v>856</v>
      </c>
      <c r="B30" s="520" t="s">
        <v>457</v>
      </c>
      <c r="C30" s="521">
        <v>-342</v>
      </c>
      <c r="D30" s="522">
        <v>-51</v>
      </c>
      <c r="E30" s="523">
        <v>-291</v>
      </c>
      <c r="F30" s="523">
        <v>-337</v>
      </c>
      <c r="G30" s="522">
        <v>-52</v>
      </c>
      <c r="H30" s="524">
        <v>-285</v>
      </c>
      <c r="I30" s="525" t="s">
        <v>72</v>
      </c>
      <c r="J30" s="526" t="s">
        <v>72</v>
      </c>
      <c r="K30" s="526" t="s">
        <v>72</v>
      </c>
      <c r="L30" s="523">
        <v>337</v>
      </c>
      <c r="M30" s="879">
        <v>2.4</v>
      </c>
      <c r="N30" s="523">
        <v>52</v>
      </c>
      <c r="O30" s="880">
        <v>0.7</v>
      </c>
      <c r="P30" s="523">
        <v>285</v>
      </c>
      <c r="Q30" s="880">
        <v>4.2</v>
      </c>
      <c r="R30" s="524">
        <v>-5</v>
      </c>
      <c r="S30" s="522">
        <v>1</v>
      </c>
      <c r="T30" s="523">
        <v>-6</v>
      </c>
      <c r="U30" s="523">
        <v>7</v>
      </c>
      <c r="V30" s="879">
        <v>0</v>
      </c>
      <c r="W30" s="523">
        <v>2</v>
      </c>
      <c r="X30" s="880">
        <v>0</v>
      </c>
      <c r="Y30" s="523">
        <v>5</v>
      </c>
      <c r="Z30" s="880">
        <v>0</v>
      </c>
      <c r="AA30" s="523">
        <v>12</v>
      </c>
      <c r="AB30" s="879">
        <v>0</v>
      </c>
      <c r="AC30" s="523">
        <v>1</v>
      </c>
      <c r="AD30" s="880">
        <v>0</v>
      </c>
      <c r="AE30" s="523">
        <v>11</v>
      </c>
      <c r="AF30" s="879">
        <v>0</v>
      </c>
    </row>
    <row r="31" spans="1:32" s="346" customFormat="1" ht="22.5" customHeight="1">
      <c r="A31" s="377">
        <v>154713</v>
      </c>
      <c r="B31" s="347" t="s">
        <v>458</v>
      </c>
      <c r="C31" s="503">
        <v>9561</v>
      </c>
      <c r="D31" s="504">
        <v>4815</v>
      </c>
      <c r="E31" s="503">
        <v>4746</v>
      </c>
      <c r="F31" s="505">
        <v>7850</v>
      </c>
      <c r="G31" s="504">
        <v>3959</v>
      </c>
      <c r="H31" s="503">
        <v>3891</v>
      </c>
      <c r="I31" s="505">
        <v>7880</v>
      </c>
      <c r="J31" s="504">
        <v>3974</v>
      </c>
      <c r="K31" s="504">
        <v>3906</v>
      </c>
      <c r="L31" s="505">
        <v>30</v>
      </c>
      <c r="M31" s="508">
        <v>0.2</v>
      </c>
      <c r="N31" s="505">
        <v>15</v>
      </c>
      <c r="O31" s="509">
        <v>0.2</v>
      </c>
      <c r="P31" s="505">
        <v>15</v>
      </c>
      <c r="Q31" s="509">
        <v>0.2</v>
      </c>
      <c r="R31" s="503">
        <v>1711</v>
      </c>
      <c r="S31" s="504">
        <v>856</v>
      </c>
      <c r="T31" s="505">
        <v>855</v>
      </c>
      <c r="U31" s="505">
        <v>6113</v>
      </c>
      <c r="V31" s="508">
        <v>10.6</v>
      </c>
      <c r="W31" s="505">
        <v>3116</v>
      </c>
      <c r="X31" s="509">
        <v>10.1</v>
      </c>
      <c r="Y31" s="505">
        <v>2997</v>
      </c>
      <c r="Z31" s="509">
        <v>11.2</v>
      </c>
      <c r="AA31" s="505">
        <v>4402</v>
      </c>
      <c r="AB31" s="508">
        <v>8.9</v>
      </c>
      <c r="AC31" s="505">
        <v>2260</v>
      </c>
      <c r="AD31" s="509">
        <v>8.5</v>
      </c>
      <c r="AE31" s="505">
        <v>2142</v>
      </c>
      <c r="AF31" s="508">
        <v>9.5</v>
      </c>
    </row>
    <row r="32" spans="1:32" s="346" customFormat="1" ht="22.5" customHeight="1">
      <c r="A32" s="377">
        <v>782373</v>
      </c>
      <c r="B32" s="347" t="s">
        <v>459</v>
      </c>
      <c r="C32" s="503">
        <v>4687</v>
      </c>
      <c r="D32" s="504">
        <v>2308</v>
      </c>
      <c r="E32" s="503">
        <v>2379</v>
      </c>
      <c r="F32" s="505">
        <v>-1253</v>
      </c>
      <c r="G32" s="504">
        <v>-806</v>
      </c>
      <c r="H32" s="503">
        <v>-447</v>
      </c>
      <c r="I32" s="348" t="s">
        <v>72</v>
      </c>
      <c r="J32" s="349" t="s">
        <v>72</v>
      </c>
      <c r="K32" s="349" t="s">
        <v>72</v>
      </c>
      <c r="L32" s="505">
        <v>1253</v>
      </c>
      <c r="M32" s="508">
        <v>8.8000000000000007</v>
      </c>
      <c r="N32" s="505">
        <v>806</v>
      </c>
      <c r="O32" s="509">
        <v>10.8</v>
      </c>
      <c r="P32" s="505">
        <v>447</v>
      </c>
      <c r="Q32" s="509">
        <v>6.5</v>
      </c>
      <c r="R32" s="503">
        <v>5940</v>
      </c>
      <c r="S32" s="504">
        <v>3114</v>
      </c>
      <c r="T32" s="503">
        <v>2826</v>
      </c>
      <c r="U32" s="505">
        <v>47343</v>
      </c>
      <c r="V32" s="508">
        <v>82.2</v>
      </c>
      <c r="W32" s="505">
        <v>25971</v>
      </c>
      <c r="X32" s="509">
        <v>84.2</v>
      </c>
      <c r="Y32" s="505">
        <v>21372</v>
      </c>
      <c r="Z32" s="509">
        <v>79.8</v>
      </c>
      <c r="AA32" s="505">
        <v>41403</v>
      </c>
      <c r="AB32" s="508">
        <v>84.2</v>
      </c>
      <c r="AC32" s="505">
        <v>22857</v>
      </c>
      <c r="AD32" s="509">
        <v>85.7</v>
      </c>
      <c r="AE32" s="505">
        <v>18546</v>
      </c>
      <c r="AF32" s="508">
        <v>82.3</v>
      </c>
    </row>
    <row r="33" spans="1:32" s="346" customFormat="1" ht="22.5" customHeight="1" thickBot="1">
      <c r="A33" s="527">
        <v>357238</v>
      </c>
      <c r="B33" s="350" t="s">
        <v>460</v>
      </c>
      <c r="C33" s="528">
        <v>-12265</v>
      </c>
      <c r="D33" s="529">
        <v>-6470</v>
      </c>
      <c r="E33" s="528">
        <v>-5795</v>
      </c>
      <c r="F33" s="530">
        <v>-13032</v>
      </c>
      <c r="G33" s="529">
        <v>-6669</v>
      </c>
      <c r="H33" s="528">
        <v>-6363</v>
      </c>
      <c r="I33" s="351" t="s">
        <v>72</v>
      </c>
      <c r="J33" s="352" t="s">
        <v>72</v>
      </c>
      <c r="K33" s="352" t="s">
        <v>72</v>
      </c>
      <c r="L33" s="530">
        <v>13032</v>
      </c>
      <c r="M33" s="531">
        <v>91</v>
      </c>
      <c r="N33" s="530">
        <v>6669</v>
      </c>
      <c r="O33" s="532">
        <v>89</v>
      </c>
      <c r="P33" s="530">
        <v>6363</v>
      </c>
      <c r="Q33" s="532">
        <v>93.2</v>
      </c>
      <c r="R33" s="528">
        <v>767</v>
      </c>
      <c r="S33" s="529">
        <v>199</v>
      </c>
      <c r="T33" s="528">
        <v>568</v>
      </c>
      <c r="U33" s="530">
        <v>4162</v>
      </c>
      <c r="V33" s="531">
        <v>7.2</v>
      </c>
      <c r="W33" s="530">
        <v>1760</v>
      </c>
      <c r="X33" s="532">
        <v>5.7</v>
      </c>
      <c r="Y33" s="530">
        <v>2402</v>
      </c>
      <c r="Z33" s="532">
        <v>9</v>
      </c>
      <c r="AA33" s="530">
        <v>3395</v>
      </c>
      <c r="AB33" s="531">
        <v>6.9</v>
      </c>
      <c r="AC33" s="530">
        <v>1561</v>
      </c>
      <c r="AD33" s="532">
        <v>5.9</v>
      </c>
      <c r="AE33" s="530">
        <v>1834</v>
      </c>
      <c r="AF33" s="531">
        <v>8.1</v>
      </c>
    </row>
    <row r="34" spans="1:32" ht="12" customHeight="1" thickTop="1">
      <c r="A34" s="384"/>
      <c r="B34" s="384"/>
      <c r="C34" s="384"/>
      <c r="D34" s="384"/>
      <c r="E34" s="384"/>
      <c r="F34" s="384"/>
      <c r="G34" s="384"/>
    </row>
    <row r="35" spans="1:32" s="353" customFormat="1" ht="18" customHeight="1">
      <c r="A35" s="533" t="s">
        <v>463</v>
      </c>
      <c r="B35" s="490"/>
      <c r="C35" s="490"/>
      <c r="D35" s="490"/>
      <c r="E35" s="490"/>
      <c r="F35" s="490"/>
      <c r="G35" s="490"/>
      <c r="H35" s="490"/>
      <c r="I35" s="491"/>
    </row>
    <row r="36" spans="1:32" s="353" customFormat="1" ht="18" customHeight="1">
      <c r="A36" s="533" t="s">
        <v>507</v>
      </c>
    </row>
    <row r="37" spans="1:32" s="353" customFormat="1" ht="18" customHeight="1">
      <c r="A37" s="533" t="s">
        <v>508</v>
      </c>
      <c r="B37" s="492"/>
      <c r="C37" s="492"/>
      <c r="D37" s="492"/>
      <c r="E37" s="492"/>
      <c r="F37" s="492"/>
      <c r="G37" s="492"/>
      <c r="H37" s="492"/>
      <c r="I37" s="492"/>
    </row>
    <row r="38" spans="1:32" s="353" customFormat="1" ht="18" customHeight="1">
      <c r="A38" s="533" t="s">
        <v>509</v>
      </c>
    </row>
    <row r="48" spans="1:32">
      <c r="A48" s="534"/>
    </row>
  </sheetData>
  <mergeCells count="15">
    <mergeCell ref="A2:A6"/>
    <mergeCell ref="C4:E4"/>
    <mergeCell ref="F4:H4"/>
    <mergeCell ref="I4:K4"/>
    <mergeCell ref="L4:Q4"/>
    <mergeCell ref="U4:Z4"/>
    <mergeCell ref="AA4:AF4"/>
    <mergeCell ref="C5:E5"/>
    <mergeCell ref="F5:H5"/>
    <mergeCell ref="I5:K5"/>
    <mergeCell ref="L5:Q5"/>
    <mergeCell ref="R5:T5"/>
    <mergeCell ref="U5:Z5"/>
    <mergeCell ref="AA5:AF5"/>
    <mergeCell ref="R4:T4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72" firstPageNumber="22" orientation="landscape" blackAndWhite="1" r:id="rId1"/>
  <headerFooter scaleWithDoc="0"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I48"/>
  <sheetViews>
    <sheetView view="pageBreakPreview" zoomScale="80" zoomScaleNormal="90" zoomScaleSheetLayoutView="80" workbookViewId="0">
      <pane ySplit="6" topLeftCell="A7" activePane="bottomLeft" state="frozen"/>
      <selection pane="bottomLeft"/>
    </sheetView>
  </sheetViews>
  <sheetFormatPr defaultRowHeight="13.5"/>
  <cols>
    <col min="1" max="1" width="17.5" style="151" customWidth="1"/>
    <col min="2" max="2" width="10.625" style="151" customWidth="1"/>
    <col min="3" max="8" width="8.75" style="151" customWidth="1"/>
    <col min="9" max="11" width="8.25" style="151" customWidth="1"/>
    <col min="12" max="12" width="8.75" style="151" customWidth="1"/>
    <col min="13" max="13" width="7.125" style="151" customWidth="1"/>
    <col min="14" max="14" width="8.75" style="151" customWidth="1"/>
    <col min="15" max="15" width="7.25" style="151" customWidth="1"/>
    <col min="16" max="16" width="8.75" style="151" customWidth="1"/>
    <col min="17" max="17" width="7.125" style="151" customWidth="1"/>
    <col min="18" max="21" width="8.75" style="151" customWidth="1"/>
    <col min="22" max="22" width="7.125" style="151" customWidth="1"/>
    <col min="23" max="23" width="8.75" style="151" customWidth="1"/>
    <col min="24" max="24" width="7.125" style="151" customWidth="1"/>
    <col min="25" max="25" width="8.75" style="151" customWidth="1"/>
    <col min="26" max="26" width="7.125" style="151" customWidth="1"/>
    <col min="27" max="27" width="8.75" style="151" customWidth="1"/>
    <col min="28" max="28" width="7.125" style="151" customWidth="1"/>
    <col min="29" max="29" width="8.75" style="151" customWidth="1"/>
    <col min="30" max="30" width="7.125" style="151" customWidth="1"/>
    <col min="31" max="31" width="8.75" style="151" customWidth="1"/>
    <col min="32" max="32" width="7.125" style="151" customWidth="1"/>
    <col min="33" max="16384" width="9" style="151"/>
  </cols>
  <sheetData>
    <row r="1" spans="1:35" ht="21" customHeight="1" thickBot="1">
      <c r="A1" s="897" t="s">
        <v>515</v>
      </c>
      <c r="B1" s="329"/>
      <c r="C1" s="329"/>
      <c r="D1" s="329"/>
      <c r="E1" s="329"/>
      <c r="S1" s="329"/>
      <c r="U1" s="329"/>
      <c r="V1" s="329"/>
      <c r="W1" s="329"/>
      <c r="AC1" s="330"/>
      <c r="AD1" s="330"/>
      <c r="AF1" s="494" t="s">
        <v>515</v>
      </c>
    </row>
    <row r="2" spans="1:35" s="346" customFormat="1" ht="22.5" customHeight="1" thickTop="1">
      <c r="A2" s="1036" t="s">
        <v>488</v>
      </c>
      <c r="B2" s="464"/>
      <c r="C2" s="331"/>
      <c r="D2" s="331"/>
      <c r="E2" s="331"/>
      <c r="F2" s="331"/>
      <c r="G2" s="331"/>
      <c r="H2" s="331"/>
      <c r="I2" s="331"/>
      <c r="J2" s="331"/>
      <c r="K2" s="331"/>
      <c r="L2" s="331"/>
      <c r="M2" s="331"/>
      <c r="N2" s="331"/>
      <c r="O2" s="331"/>
      <c r="P2" s="331"/>
      <c r="Q2" s="331"/>
      <c r="R2" s="331"/>
      <c r="S2" s="331"/>
      <c r="T2" s="331"/>
      <c r="U2" s="331"/>
      <c r="V2" s="331"/>
      <c r="W2" s="331"/>
      <c r="X2" s="331"/>
      <c r="Y2" s="331"/>
      <c r="Z2" s="331"/>
      <c r="AA2" s="331"/>
      <c r="AB2" s="331"/>
      <c r="AC2" s="331"/>
      <c r="AD2" s="331"/>
      <c r="AE2" s="331"/>
      <c r="AF2" s="354"/>
    </row>
    <row r="3" spans="1:35" s="495" customFormat="1" ht="22.5" customHeight="1">
      <c r="A3" s="1037"/>
      <c r="B3" s="332"/>
      <c r="C3" s="465"/>
      <c r="D3" s="333" t="s">
        <v>489</v>
      </c>
      <c r="E3" s="334"/>
      <c r="F3" s="466"/>
      <c r="G3" s="467"/>
      <c r="H3" s="335"/>
      <c r="I3" s="335"/>
      <c r="J3" s="335"/>
      <c r="K3" s="335"/>
      <c r="L3" s="335"/>
      <c r="M3" s="335"/>
      <c r="N3" s="335"/>
      <c r="O3" s="335"/>
      <c r="P3" s="335"/>
      <c r="Q3" s="335"/>
      <c r="R3" s="466"/>
      <c r="S3" s="467"/>
      <c r="T3" s="335"/>
      <c r="U3" s="335"/>
      <c r="V3" s="335"/>
      <c r="W3" s="335"/>
      <c r="X3" s="335"/>
      <c r="Y3" s="335"/>
      <c r="Z3" s="335"/>
      <c r="AA3" s="335"/>
      <c r="AB3" s="335"/>
      <c r="AC3" s="335"/>
      <c r="AD3" s="335"/>
      <c r="AE3" s="335"/>
      <c r="AF3" s="335"/>
    </row>
    <row r="4" spans="1:35" s="495" customFormat="1" ht="22.5" customHeight="1">
      <c r="A4" s="1037"/>
      <c r="B4" s="496" t="s">
        <v>253</v>
      </c>
      <c r="C4" s="1033" t="s">
        <v>490</v>
      </c>
      <c r="D4" s="1034"/>
      <c r="E4" s="1035"/>
      <c r="F4" s="1033" t="s">
        <v>422</v>
      </c>
      <c r="G4" s="1034"/>
      <c r="H4" s="1035"/>
      <c r="I4" s="1027" t="s">
        <v>423</v>
      </c>
      <c r="J4" s="1028"/>
      <c r="K4" s="1029"/>
      <c r="L4" s="1027" t="s">
        <v>491</v>
      </c>
      <c r="M4" s="1028"/>
      <c r="N4" s="1028"/>
      <c r="O4" s="1028"/>
      <c r="P4" s="1028"/>
      <c r="Q4" s="1029"/>
      <c r="R4" s="1033" t="s">
        <v>425</v>
      </c>
      <c r="S4" s="1034"/>
      <c r="T4" s="1035"/>
      <c r="U4" s="1027" t="s">
        <v>426</v>
      </c>
      <c r="V4" s="1028"/>
      <c r="W4" s="1028"/>
      <c r="X4" s="1028"/>
      <c r="Y4" s="1028"/>
      <c r="Z4" s="1029"/>
      <c r="AA4" s="1027" t="s">
        <v>427</v>
      </c>
      <c r="AB4" s="1028"/>
      <c r="AC4" s="1028"/>
      <c r="AD4" s="1028"/>
      <c r="AE4" s="1028"/>
      <c r="AF4" s="1028"/>
    </row>
    <row r="5" spans="1:35" s="497" customFormat="1" ht="22.5" customHeight="1">
      <c r="A5" s="1037"/>
      <c r="B5" s="347"/>
      <c r="C5" s="1030" t="s">
        <v>492</v>
      </c>
      <c r="D5" s="1031"/>
      <c r="E5" s="1032"/>
      <c r="F5" s="1030" t="s">
        <v>493</v>
      </c>
      <c r="G5" s="1031"/>
      <c r="H5" s="1032"/>
      <c r="I5" s="1030" t="s">
        <v>494</v>
      </c>
      <c r="J5" s="1031"/>
      <c r="K5" s="1032"/>
      <c r="L5" s="1030" t="s">
        <v>495</v>
      </c>
      <c r="M5" s="1031"/>
      <c r="N5" s="1031"/>
      <c r="O5" s="1031"/>
      <c r="P5" s="1031"/>
      <c r="Q5" s="1032"/>
      <c r="R5" s="1030" t="s">
        <v>496</v>
      </c>
      <c r="S5" s="1031"/>
      <c r="T5" s="1032"/>
      <c r="U5" s="1030" t="s">
        <v>433</v>
      </c>
      <c r="V5" s="1031"/>
      <c r="W5" s="1031"/>
      <c r="X5" s="1031"/>
      <c r="Y5" s="1031"/>
      <c r="Z5" s="1032"/>
      <c r="AA5" s="1030" t="s">
        <v>434</v>
      </c>
      <c r="AB5" s="1031"/>
      <c r="AC5" s="1031"/>
      <c r="AD5" s="1031"/>
      <c r="AE5" s="1031"/>
      <c r="AF5" s="1031"/>
      <c r="AI5" s="498"/>
    </row>
    <row r="6" spans="1:35" s="415" customFormat="1" ht="22.5" customHeight="1">
      <c r="A6" s="988"/>
      <c r="B6" s="470"/>
      <c r="C6" s="473" t="s">
        <v>497</v>
      </c>
      <c r="D6" s="472" t="s">
        <v>498</v>
      </c>
      <c r="E6" s="473" t="s">
        <v>499</v>
      </c>
      <c r="F6" s="474" t="s">
        <v>497</v>
      </c>
      <c r="G6" s="472" t="s">
        <v>498</v>
      </c>
      <c r="H6" s="473" t="s">
        <v>499</v>
      </c>
      <c r="I6" s="474" t="s">
        <v>500</v>
      </c>
      <c r="J6" s="472" t="s">
        <v>498</v>
      </c>
      <c r="K6" s="472" t="s">
        <v>499</v>
      </c>
      <c r="L6" s="475" t="s">
        <v>500</v>
      </c>
      <c r="M6" s="336" t="s">
        <v>501</v>
      </c>
      <c r="N6" s="475" t="s">
        <v>502</v>
      </c>
      <c r="O6" s="336" t="s">
        <v>501</v>
      </c>
      <c r="P6" s="475" t="s">
        <v>499</v>
      </c>
      <c r="Q6" s="336" t="s">
        <v>501</v>
      </c>
      <c r="R6" s="473" t="s">
        <v>497</v>
      </c>
      <c r="S6" s="472" t="s">
        <v>498</v>
      </c>
      <c r="T6" s="473" t="s">
        <v>499</v>
      </c>
      <c r="U6" s="474" t="s">
        <v>497</v>
      </c>
      <c r="V6" s="336" t="s">
        <v>501</v>
      </c>
      <c r="W6" s="475" t="s">
        <v>498</v>
      </c>
      <c r="X6" s="336" t="s">
        <v>501</v>
      </c>
      <c r="Y6" s="475" t="s">
        <v>499</v>
      </c>
      <c r="Z6" s="336" t="s">
        <v>501</v>
      </c>
      <c r="AA6" s="475" t="s">
        <v>497</v>
      </c>
      <c r="AB6" s="336" t="s">
        <v>501</v>
      </c>
      <c r="AC6" s="475" t="s">
        <v>498</v>
      </c>
      <c r="AD6" s="336" t="s">
        <v>501</v>
      </c>
      <c r="AE6" s="475" t="s">
        <v>499</v>
      </c>
      <c r="AF6" s="337" t="s">
        <v>501</v>
      </c>
    </row>
    <row r="7" spans="1:35" s="78" customFormat="1" ht="22.5" customHeight="1">
      <c r="A7" s="481" t="s">
        <v>192</v>
      </c>
      <c r="B7" s="239"/>
      <c r="C7" s="86" t="s">
        <v>192</v>
      </c>
      <c r="D7" s="105" t="s">
        <v>192</v>
      </c>
      <c r="E7" s="86" t="s">
        <v>192</v>
      </c>
      <c r="F7" s="106" t="s">
        <v>192</v>
      </c>
      <c r="G7" s="105" t="s">
        <v>192</v>
      </c>
      <c r="H7" s="86" t="s">
        <v>192</v>
      </c>
      <c r="I7" s="106" t="s">
        <v>192</v>
      </c>
      <c r="J7" s="105" t="s">
        <v>192</v>
      </c>
      <c r="K7" s="105" t="s">
        <v>192</v>
      </c>
      <c r="L7" s="479" t="s">
        <v>192</v>
      </c>
      <c r="M7" s="86" t="s">
        <v>503</v>
      </c>
      <c r="N7" s="479" t="s">
        <v>192</v>
      </c>
      <c r="O7" s="86" t="s">
        <v>503</v>
      </c>
      <c r="P7" s="479" t="s">
        <v>192</v>
      </c>
      <c r="Q7" s="86" t="s">
        <v>503</v>
      </c>
      <c r="R7" s="478" t="s">
        <v>192</v>
      </c>
      <c r="S7" s="105" t="s">
        <v>192</v>
      </c>
      <c r="T7" s="86" t="s">
        <v>192</v>
      </c>
      <c r="U7" s="479" t="s">
        <v>192</v>
      </c>
      <c r="V7" s="86" t="s">
        <v>503</v>
      </c>
      <c r="W7" s="479" t="s">
        <v>192</v>
      </c>
      <c r="X7" s="86" t="s">
        <v>503</v>
      </c>
      <c r="Y7" s="479" t="s">
        <v>192</v>
      </c>
      <c r="Z7" s="86" t="s">
        <v>503</v>
      </c>
      <c r="AA7" s="479" t="s">
        <v>192</v>
      </c>
      <c r="AB7" s="86" t="s">
        <v>503</v>
      </c>
      <c r="AC7" s="479" t="s">
        <v>192</v>
      </c>
      <c r="AD7" s="86" t="s">
        <v>503</v>
      </c>
      <c r="AE7" s="479" t="s">
        <v>192</v>
      </c>
      <c r="AF7" s="86" t="s">
        <v>503</v>
      </c>
    </row>
    <row r="8" spans="1:35" s="495" customFormat="1" ht="22.5" customHeight="1">
      <c r="A8" s="499">
        <v>332287</v>
      </c>
      <c r="B8" s="338" t="s">
        <v>194</v>
      </c>
      <c r="C8" s="500">
        <v>-1793</v>
      </c>
      <c r="D8" s="501">
        <v>-775</v>
      </c>
      <c r="E8" s="500">
        <v>-1018</v>
      </c>
      <c r="F8" s="502">
        <v>-3216</v>
      </c>
      <c r="G8" s="501">
        <v>-1642</v>
      </c>
      <c r="H8" s="500">
        <v>-1574</v>
      </c>
      <c r="I8" s="502">
        <v>1634</v>
      </c>
      <c r="J8" s="501">
        <v>823</v>
      </c>
      <c r="K8" s="501">
        <v>811</v>
      </c>
      <c r="L8" s="502">
        <v>4850</v>
      </c>
      <c r="M8" s="339" t="s">
        <v>504</v>
      </c>
      <c r="N8" s="502">
        <v>2465</v>
      </c>
      <c r="O8" s="339" t="s">
        <v>505</v>
      </c>
      <c r="P8" s="502">
        <v>2385</v>
      </c>
      <c r="Q8" s="339" t="s">
        <v>505</v>
      </c>
      <c r="R8" s="501">
        <v>1423</v>
      </c>
      <c r="S8" s="501">
        <v>867</v>
      </c>
      <c r="T8" s="500">
        <v>556</v>
      </c>
      <c r="U8" s="502">
        <v>15080</v>
      </c>
      <c r="V8" s="339" t="s">
        <v>505</v>
      </c>
      <c r="W8" s="502">
        <v>7551</v>
      </c>
      <c r="X8" s="339" t="s">
        <v>505</v>
      </c>
      <c r="Y8" s="502">
        <v>7529</v>
      </c>
      <c r="Z8" s="339" t="s">
        <v>505</v>
      </c>
      <c r="AA8" s="502">
        <v>13657</v>
      </c>
      <c r="AB8" s="339" t="s">
        <v>505</v>
      </c>
      <c r="AC8" s="502">
        <v>6684</v>
      </c>
      <c r="AD8" s="339" t="s">
        <v>505</v>
      </c>
      <c r="AE8" s="502">
        <v>6973</v>
      </c>
      <c r="AF8" s="339" t="s">
        <v>505</v>
      </c>
    </row>
    <row r="9" spans="1:35" s="346" customFormat="1" ht="15.75" customHeight="1">
      <c r="A9" s="355"/>
      <c r="B9" s="341"/>
      <c r="C9" s="342"/>
      <c r="D9" s="299"/>
      <c r="E9" s="342"/>
      <c r="F9" s="298"/>
      <c r="G9" s="299"/>
      <c r="H9" s="342"/>
      <c r="I9" s="298"/>
      <c r="J9" s="299"/>
      <c r="K9" s="299"/>
      <c r="L9" s="298"/>
      <c r="M9" s="343"/>
      <c r="N9" s="298"/>
      <c r="O9" s="344"/>
      <c r="P9" s="298"/>
      <c r="Q9" s="345"/>
      <c r="R9" s="342"/>
      <c r="S9" s="299"/>
      <c r="T9" s="342"/>
      <c r="U9" s="298"/>
      <c r="V9" s="343"/>
      <c r="W9" s="298"/>
      <c r="X9" s="344"/>
      <c r="Y9" s="298"/>
      <c r="Z9" s="344"/>
      <c r="AA9" s="298"/>
      <c r="AB9" s="343"/>
      <c r="AC9" s="298"/>
      <c r="AD9" s="344"/>
      <c r="AE9" s="298"/>
      <c r="AF9" s="343"/>
    </row>
    <row r="10" spans="1:35" s="346" customFormat="1" ht="22.5" customHeight="1">
      <c r="A10" s="377">
        <v>9214</v>
      </c>
      <c r="B10" s="378" t="s">
        <v>436</v>
      </c>
      <c r="C10" s="503">
        <v>1837</v>
      </c>
      <c r="D10" s="504">
        <v>925</v>
      </c>
      <c r="E10" s="503">
        <v>912</v>
      </c>
      <c r="F10" s="505">
        <v>1631</v>
      </c>
      <c r="G10" s="504">
        <v>822</v>
      </c>
      <c r="H10" s="503">
        <v>809</v>
      </c>
      <c r="I10" s="506">
        <v>1634</v>
      </c>
      <c r="J10" s="505">
        <v>823</v>
      </c>
      <c r="K10" s="504">
        <v>811</v>
      </c>
      <c r="L10" s="507">
        <v>3</v>
      </c>
      <c r="M10" s="508">
        <v>0.1</v>
      </c>
      <c r="N10" s="507">
        <v>1</v>
      </c>
      <c r="O10" s="509">
        <v>0</v>
      </c>
      <c r="P10" s="507">
        <v>2</v>
      </c>
      <c r="Q10" s="509">
        <v>0.1</v>
      </c>
      <c r="R10" s="503">
        <v>206</v>
      </c>
      <c r="S10" s="504">
        <v>103</v>
      </c>
      <c r="T10" s="503">
        <v>103</v>
      </c>
      <c r="U10" s="505">
        <v>705</v>
      </c>
      <c r="V10" s="508">
        <v>4.7</v>
      </c>
      <c r="W10" s="507">
        <v>368</v>
      </c>
      <c r="X10" s="509">
        <v>4.9000000000000004</v>
      </c>
      <c r="Y10" s="507">
        <v>337</v>
      </c>
      <c r="Z10" s="509">
        <v>4.5</v>
      </c>
      <c r="AA10" s="505">
        <v>499</v>
      </c>
      <c r="AB10" s="508">
        <v>3.7</v>
      </c>
      <c r="AC10" s="507">
        <v>265</v>
      </c>
      <c r="AD10" s="509">
        <v>4</v>
      </c>
      <c r="AE10" s="505">
        <v>234</v>
      </c>
      <c r="AF10" s="508">
        <v>3.4</v>
      </c>
    </row>
    <row r="11" spans="1:35" s="346" customFormat="1" ht="22.5" customHeight="1">
      <c r="A11" s="377">
        <v>11208</v>
      </c>
      <c r="B11" s="380" t="s">
        <v>438</v>
      </c>
      <c r="C11" s="503">
        <v>70</v>
      </c>
      <c r="D11" s="504">
        <v>29</v>
      </c>
      <c r="E11" s="503">
        <v>41</v>
      </c>
      <c r="F11" s="505">
        <v>-2</v>
      </c>
      <c r="G11" s="504">
        <v>-1</v>
      </c>
      <c r="H11" s="503">
        <v>-1</v>
      </c>
      <c r="I11" s="348" t="s">
        <v>72</v>
      </c>
      <c r="J11" s="349" t="s">
        <v>506</v>
      </c>
      <c r="K11" s="349" t="s">
        <v>72</v>
      </c>
      <c r="L11" s="505">
        <v>2</v>
      </c>
      <c r="M11" s="508">
        <v>0</v>
      </c>
      <c r="N11" s="505">
        <v>1</v>
      </c>
      <c r="O11" s="509">
        <v>0</v>
      </c>
      <c r="P11" s="505">
        <v>1</v>
      </c>
      <c r="Q11" s="509">
        <v>0</v>
      </c>
      <c r="R11" s="503">
        <v>72</v>
      </c>
      <c r="S11" s="504">
        <v>30</v>
      </c>
      <c r="T11" s="503">
        <v>42</v>
      </c>
      <c r="U11" s="505">
        <v>387</v>
      </c>
      <c r="V11" s="508">
        <v>2.6</v>
      </c>
      <c r="W11" s="505">
        <v>191</v>
      </c>
      <c r="X11" s="509">
        <v>2.5</v>
      </c>
      <c r="Y11" s="505">
        <v>196</v>
      </c>
      <c r="Z11" s="509">
        <v>2.6</v>
      </c>
      <c r="AA11" s="505">
        <v>315</v>
      </c>
      <c r="AB11" s="508">
        <v>2.2999999999999998</v>
      </c>
      <c r="AC11" s="505">
        <v>161</v>
      </c>
      <c r="AD11" s="509">
        <v>2.4</v>
      </c>
      <c r="AE11" s="505">
        <v>154</v>
      </c>
      <c r="AF11" s="508">
        <v>2.2000000000000002</v>
      </c>
    </row>
    <row r="12" spans="1:35" s="346" customFormat="1" ht="22.5" customHeight="1">
      <c r="A12" s="377">
        <v>13170</v>
      </c>
      <c r="B12" s="380" t="s">
        <v>439</v>
      </c>
      <c r="C12" s="503">
        <v>31</v>
      </c>
      <c r="D12" s="504">
        <v>17</v>
      </c>
      <c r="E12" s="503">
        <v>14</v>
      </c>
      <c r="F12" s="505">
        <v>-1</v>
      </c>
      <c r="G12" s="504">
        <v>0</v>
      </c>
      <c r="H12" s="503">
        <v>-1</v>
      </c>
      <c r="I12" s="348" t="s">
        <v>506</v>
      </c>
      <c r="J12" s="349" t="s">
        <v>72</v>
      </c>
      <c r="K12" s="349" t="s">
        <v>72</v>
      </c>
      <c r="L12" s="505">
        <v>1</v>
      </c>
      <c r="M12" s="508">
        <v>0</v>
      </c>
      <c r="N12" s="505">
        <v>0</v>
      </c>
      <c r="O12" s="509">
        <v>0</v>
      </c>
      <c r="P12" s="505">
        <v>1</v>
      </c>
      <c r="Q12" s="509">
        <v>0</v>
      </c>
      <c r="R12" s="503">
        <v>32</v>
      </c>
      <c r="S12" s="504">
        <v>17</v>
      </c>
      <c r="T12" s="503">
        <v>15</v>
      </c>
      <c r="U12" s="505">
        <v>211</v>
      </c>
      <c r="V12" s="508">
        <v>1.4</v>
      </c>
      <c r="W12" s="505">
        <v>104</v>
      </c>
      <c r="X12" s="509">
        <v>1.4</v>
      </c>
      <c r="Y12" s="505">
        <v>107</v>
      </c>
      <c r="Z12" s="509">
        <v>1.4</v>
      </c>
      <c r="AA12" s="505">
        <v>179</v>
      </c>
      <c r="AB12" s="508">
        <v>1.3</v>
      </c>
      <c r="AC12" s="505">
        <v>87</v>
      </c>
      <c r="AD12" s="509">
        <v>1.3</v>
      </c>
      <c r="AE12" s="505">
        <v>92</v>
      </c>
      <c r="AF12" s="508">
        <v>1.3</v>
      </c>
    </row>
    <row r="13" spans="1:35" s="346" customFormat="1" ht="22.5" customHeight="1">
      <c r="A13" s="377">
        <v>14118</v>
      </c>
      <c r="B13" s="380" t="s">
        <v>440</v>
      </c>
      <c r="C13" s="503">
        <v>-40</v>
      </c>
      <c r="D13" s="504">
        <v>-37</v>
      </c>
      <c r="E13" s="503">
        <v>-3</v>
      </c>
      <c r="F13" s="505">
        <v>-3</v>
      </c>
      <c r="G13" s="504">
        <v>-2</v>
      </c>
      <c r="H13" s="503">
        <v>-1</v>
      </c>
      <c r="I13" s="348" t="s">
        <v>72</v>
      </c>
      <c r="J13" s="349" t="s">
        <v>72</v>
      </c>
      <c r="K13" s="349" t="s">
        <v>72</v>
      </c>
      <c r="L13" s="505">
        <v>3</v>
      </c>
      <c r="M13" s="508">
        <v>0.1</v>
      </c>
      <c r="N13" s="505">
        <v>2</v>
      </c>
      <c r="O13" s="509">
        <v>0.1</v>
      </c>
      <c r="P13" s="505">
        <v>1</v>
      </c>
      <c r="Q13" s="509">
        <v>0</v>
      </c>
      <c r="R13" s="503">
        <v>-37</v>
      </c>
      <c r="S13" s="504">
        <v>-35</v>
      </c>
      <c r="T13" s="503">
        <v>-2</v>
      </c>
      <c r="U13" s="505">
        <v>474</v>
      </c>
      <c r="V13" s="508">
        <v>3.1</v>
      </c>
      <c r="W13" s="505">
        <v>217</v>
      </c>
      <c r="X13" s="509">
        <v>2.9</v>
      </c>
      <c r="Y13" s="505">
        <v>257</v>
      </c>
      <c r="Z13" s="509">
        <v>3.4</v>
      </c>
      <c r="AA13" s="505">
        <v>511</v>
      </c>
      <c r="AB13" s="508">
        <v>3.7</v>
      </c>
      <c r="AC13" s="505">
        <v>252</v>
      </c>
      <c r="AD13" s="509">
        <v>3.8</v>
      </c>
      <c r="AE13" s="505">
        <v>259</v>
      </c>
      <c r="AF13" s="508">
        <v>3.7</v>
      </c>
    </row>
    <row r="14" spans="1:35" s="346" customFormat="1" ht="22.5" customHeight="1">
      <c r="A14" s="355">
        <v>14922</v>
      </c>
      <c r="B14" s="381" t="s">
        <v>441</v>
      </c>
      <c r="C14" s="510">
        <v>-392</v>
      </c>
      <c r="D14" s="511">
        <v>-154</v>
      </c>
      <c r="E14" s="510">
        <v>-238</v>
      </c>
      <c r="F14" s="512">
        <v>-5</v>
      </c>
      <c r="G14" s="511">
        <v>-3</v>
      </c>
      <c r="H14" s="510">
        <v>-2</v>
      </c>
      <c r="I14" s="513" t="s">
        <v>72</v>
      </c>
      <c r="J14" s="514" t="s">
        <v>72</v>
      </c>
      <c r="K14" s="514" t="s">
        <v>72</v>
      </c>
      <c r="L14" s="505">
        <v>5</v>
      </c>
      <c r="M14" s="515">
        <v>0.1</v>
      </c>
      <c r="N14" s="512">
        <v>3</v>
      </c>
      <c r="O14" s="516">
        <v>0.1</v>
      </c>
      <c r="P14" s="512">
        <v>2</v>
      </c>
      <c r="Q14" s="516">
        <v>0.1</v>
      </c>
      <c r="R14" s="517">
        <v>-387</v>
      </c>
      <c r="S14" s="511">
        <v>-151</v>
      </c>
      <c r="T14" s="510">
        <v>-236</v>
      </c>
      <c r="U14" s="512">
        <v>2605</v>
      </c>
      <c r="V14" s="515">
        <v>17.3</v>
      </c>
      <c r="W14" s="512">
        <v>1133</v>
      </c>
      <c r="X14" s="516">
        <v>15</v>
      </c>
      <c r="Y14" s="512">
        <v>1472</v>
      </c>
      <c r="Z14" s="516">
        <v>19.600000000000001</v>
      </c>
      <c r="AA14" s="512">
        <v>2992</v>
      </c>
      <c r="AB14" s="515">
        <v>21.9</v>
      </c>
      <c r="AC14" s="512">
        <v>1284</v>
      </c>
      <c r="AD14" s="516">
        <v>19.2</v>
      </c>
      <c r="AE14" s="512">
        <v>1708</v>
      </c>
      <c r="AF14" s="515">
        <v>24.5</v>
      </c>
    </row>
    <row r="15" spans="1:35" s="346" customFormat="1" ht="22.5" customHeight="1">
      <c r="A15" s="377">
        <v>13672</v>
      </c>
      <c r="B15" s="380" t="s">
        <v>442</v>
      </c>
      <c r="C15" s="503">
        <v>-162</v>
      </c>
      <c r="D15" s="504">
        <v>2</v>
      </c>
      <c r="E15" s="503">
        <v>-164</v>
      </c>
      <c r="F15" s="505">
        <v>-9</v>
      </c>
      <c r="G15" s="504">
        <v>-5</v>
      </c>
      <c r="H15" s="503">
        <v>-4</v>
      </c>
      <c r="I15" s="348" t="s">
        <v>72</v>
      </c>
      <c r="J15" s="349" t="s">
        <v>72</v>
      </c>
      <c r="K15" s="349" t="s">
        <v>72</v>
      </c>
      <c r="L15" s="507">
        <v>9</v>
      </c>
      <c r="M15" s="508">
        <v>0.2</v>
      </c>
      <c r="N15" s="505">
        <v>5</v>
      </c>
      <c r="O15" s="509">
        <v>0.2</v>
      </c>
      <c r="P15" s="505">
        <v>4</v>
      </c>
      <c r="Q15" s="509">
        <v>0.2</v>
      </c>
      <c r="R15" s="503">
        <v>-153</v>
      </c>
      <c r="S15" s="504">
        <v>7</v>
      </c>
      <c r="T15" s="503">
        <v>-160</v>
      </c>
      <c r="U15" s="505">
        <v>2707</v>
      </c>
      <c r="V15" s="508">
        <v>18</v>
      </c>
      <c r="W15" s="505">
        <v>1419</v>
      </c>
      <c r="X15" s="509">
        <v>18.8</v>
      </c>
      <c r="Y15" s="505">
        <v>1288</v>
      </c>
      <c r="Z15" s="509">
        <v>17.100000000000001</v>
      </c>
      <c r="AA15" s="505">
        <v>2860</v>
      </c>
      <c r="AB15" s="508">
        <v>20.9</v>
      </c>
      <c r="AC15" s="505">
        <v>1412</v>
      </c>
      <c r="AD15" s="509">
        <v>21.1</v>
      </c>
      <c r="AE15" s="505">
        <v>1448</v>
      </c>
      <c r="AF15" s="508">
        <v>20.8</v>
      </c>
    </row>
    <row r="16" spans="1:35" s="346" customFormat="1" ht="22.5" customHeight="1">
      <c r="A16" s="377">
        <v>13962</v>
      </c>
      <c r="B16" s="380" t="s">
        <v>443</v>
      </c>
      <c r="C16" s="503">
        <v>223</v>
      </c>
      <c r="D16" s="504">
        <v>113</v>
      </c>
      <c r="E16" s="503">
        <v>110</v>
      </c>
      <c r="F16" s="505">
        <v>-5</v>
      </c>
      <c r="G16" s="504">
        <v>-4</v>
      </c>
      <c r="H16" s="503">
        <v>-1</v>
      </c>
      <c r="I16" s="348" t="s">
        <v>72</v>
      </c>
      <c r="J16" s="349" t="s">
        <v>72</v>
      </c>
      <c r="K16" s="349" t="s">
        <v>72</v>
      </c>
      <c r="L16" s="505">
        <v>5</v>
      </c>
      <c r="M16" s="508">
        <v>0.1</v>
      </c>
      <c r="N16" s="505">
        <v>4</v>
      </c>
      <c r="O16" s="509">
        <v>0.2</v>
      </c>
      <c r="P16" s="505">
        <v>1</v>
      </c>
      <c r="Q16" s="509">
        <v>0</v>
      </c>
      <c r="R16" s="503">
        <v>228</v>
      </c>
      <c r="S16" s="504">
        <v>117</v>
      </c>
      <c r="T16" s="503">
        <v>111</v>
      </c>
      <c r="U16" s="505">
        <v>1826</v>
      </c>
      <c r="V16" s="508">
        <v>12.1</v>
      </c>
      <c r="W16" s="505">
        <v>956</v>
      </c>
      <c r="X16" s="509">
        <v>12.7</v>
      </c>
      <c r="Y16" s="505">
        <v>870</v>
      </c>
      <c r="Z16" s="509">
        <v>11.6</v>
      </c>
      <c r="AA16" s="505">
        <v>1598</v>
      </c>
      <c r="AB16" s="508">
        <v>11.7</v>
      </c>
      <c r="AC16" s="505">
        <v>839</v>
      </c>
      <c r="AD16" s="509">
        <v>12.6</v>
      </c>
      <c r="AE16" s="505">
        <v>759</v>
      </c>
      <c r="AF16" s="508">
        <v>10.9</v>
      </c>
    </row>
    <row r="17" spans="1:32" s="346" customFormat="1" ht="22.5" customHeight="1">
      <c r="A17" s="377">
        <v>16223</v>
      </c>
      <c r="B17" s="380" t="s">
        <v>444</v>
      </c>
      <c r="C17" s="503">
        <v>218</v>
      </c>
      <c r="D17" s="504">
        <v>127</v>
      </c>
      <c r="E17" s="503">
        <v>91</v>
      </c>
      <c r="F17" s="505">
        <v>-13</v>
      </c>
      <c r="G17" s="504">
        <v>-8</v>
      </c>
      <c r="H17" s="503">
        <v>-5</v>
      </c>
      <c r="I17" s="348" t="s">
        <v>72</v>
      </c>
      <c r="J17" s="349" t="s">
        <v>72</v>
      </c>
      <c r="K17" s="349" t="s">
        <v>72</v>
      </c>
      <c r="L17" s="505">
        <v>13</v>
      </c>
      <c r="M17" s="508">
        <v>0.3</v>
      </c>
      <c r="N17" s="505">
        <v>8</v>
      </c>
      <c r="O17" s="509">
        <v>0.3</v>
      </c>
      <c r="P17" s="505">
        <v>5</v>
      </c>
      <c r="Q17" s="509">
        <v>0.2</v>
      </c>
      <c r="R17" s="503">
        <v>231</v>
      </c>
      <c r="S17" s="504">
        <v>135</v>
      </c>
      <c r="T17" s="503">
        <v>96</v>
      </c>
      <c r="U17" s="505">
        <v>1241</v>
      </c>
      <c r="V17" s="508">
        <v>8.1999999999999993</v>
      </c>
      <c r="W17" s="505">
        <v>655</v>
      </c>
      <c r="X17" s="509">
        <v>8.6999999999999993</v>
      </c>
      <c r="Y17" s="505">
        <v>586</v>
      </c>
      <c r="Z17" s="509">
        <v>7.8</v>
      </c>
      <c r="AA17" s="505">
        <v>1010</v>
      </c>
      <c r="AB17" s="508">
        <v>7.4</v>
      </c>
      <c r="AC17" s="505">
        <v>520</v>
      </c>
      <c r="AD17" s="509">
        <v>7.8</v>
      </c>
      <c r="AE17" s="505">
        <v>490</v>
      </c>
      <c r="AF17" s="508">
        <v>7</v>
      </c>
    </row>
    <row r="18" spans="1:32" s="346" customFormat="1" ht="22.5" customHeight="1">
      <c r="A18" s="377">
        <v>18915</v>
      </c>
      <c r="B18" s="380" t="s">
        <v>445</v>
      </c>
      <c r="C18" s="503">
        <v>134</v>
      </c>
      <c r="D18" s="504">
        <v>40</v>
      </c>
      <c r="E18" s="503">
        <v>94</v>
      </c>
      <c r="F18" s="505">
        <v>-16</v>
      </c>
      <c r="G18" s="504">
        <v>-9</v>
      </c>
      <c r="H18" s="503">
        <v>-7</v>
      </c>
      <c r="I18" s="348" t="s">
        <v>72</v>
      </c>
      <c r="J18" s="349" t="s">
        <v>72</v>
      </c>
      <c r="K18" s="349" t="s">
        <v>72</v>
      </c>
      <c r="L18" s="505">
        <v>16</v>
      </c>
      <c r="M18" s="508">
        <v>0.3</v>
      </c>
      <c r="N18" s="505">
        <v>9</v>
      </c>
      <c r="O18" s="509">
        <v>0.4</v>
      </c>
      <c r="P18" s="505">
        <v>7</v>
      </c>
      <c r="Q18" s="509">
        <v>0.3</v>
      </c>
      <c r="R18" s="503">
        <v>150</v>
      </c>
      <c r="S18" s="504">
        <v>49</v>
      </c>
      <c r="T18" s="503">
        <v>101</v>
      </c>
      <c r="U18" s="505">
        <v>874</v>
      </c>
      <c r="V18" s="508">
        <v>5.8</v>
      </c>
      <c r="W18" s="505">
        <v>446</v>
      </c>
      <c r="X18" s="509">
        <v>5.9</v>
      </c>
      <c r="Y18" s="505">
        <v>428</v>
      </c>
      <c r="Z18" s="509">
        <v>5.7</v>
      </c>
      <c r="AA18" s="505">
        <v>724</v>
      </c>
      <c r="AB18" s="508">
        <v>5.3</v>
      </c>
      <c r="AC18" s="505">
        <v>397</v>
      </c>
      <c r="AD18" s="509">
        <v>5.9</v>
      </c>
      <c r="AE18" s="505">
        <v>327</v>
      </c>
      <c r="AF18" s="508">
        <v>4.7</v>
      </c>
    </row>
    <row r="19" spans="1:32" s="346" customFormat="1" ht="22.5" customHeight="1">
      <c r="A19" s="355">
        <v>23870</v>
      </c>
      <c r="B19" s="381" t="s">
        <v>446</v>
      </c>
      <c r="C19" s="510">
        <v>34</v>
      </c>
      <c r="D19" s="511">
        <v>25</v>
      </c>
      <c r="E19" s="510">
        <v>9</v>
      </c>
      <c r="F19" s="512">
        <v>-42</v>
      </c>
      <c r="G19" s="511">
        <v>-26</v>
      </c>
      <c r="H19" s="510">
        <v>-16</v>
      </c>
      <c r="I19" s="513" t="s">
        <v>72</v>
      </c>
      <c r="J19" s="514" t="s">
        <v>72</v>
      </c>
      <c r="K19" s="514" t="s">
        <v>72</v>
      </c>
      <c r="L19" s="505">
        <v>42</v>
      </c>
      <c r="M19" s="515">
        <v>0.9</v>
      </c>
      <c r="N19" s="512">
        <v>26</v>
      </c>
      <c r="O19" s="516">
        <v>1.1000000000000001</v>
      </c>
      <c r="P19" s="512">
        <v>16</v>
      </c>
      <c r="Q19" s="516">
        <v>0.7</v>
      </c>
      <c r="R19" s="510">
        <v>76</v>
      </c>
      <c r="S19" s="511">
        <v>51</v>
      </c>
      <c r="T19" s="510">
        <v>25</v>
      </c>
      <c r="U19" s="512">
        <v>760</v>
      </c>
      <c r="V19" s="515">
        <v>5</v>
      </c>
      <c r="W19" s="512">
        <v>392</v>
      </c>
      <c r="X19" s="516">
        <v>5.2</v>
      </c>
      <c r="Y19" s="512">
        <v>368</v>
      </c>
      <c r="Z19" s="516">
        <v>4.9000000000000004</v>
      </c>
      <c r="AA19" s="512">
        <v>684</v>
      </c>
      <c r="AB19" s="515">
        <v>5</v>
      </c>
      <c r="AC19" s="512">
        <v>341</v>
      </c>
      <c r="AD19" s="516">
        <v>5.0999999999999996</v>
      </c>
      <c r="AE19" s="512">
        <v>343</v>
      </c>
      <c r="AF19" s="515">
        <v>4.9000000000000004</v>
      </c>
    </row>
    <row r="20" spans="1:32" s="346" customFormat="1" ht="22.5" customHeight="1">
      <c r="A20" s="377">
        <v>25941</v>
      </c>
      <c r="B20" s="380" t="s">
        <v>447</v>
      </c>
      <c r="C20" s="503">
        <v>132</v>
      </c>
      <c r="D20" s="504">
        <v>74</v>
      </c>
      <c r="E20" s="503">
        <v>58</v>
      </c>
      <c r="F20" s="505">
        <v>-54</v>
      </c>
      <c r="G20" s="504">
        <v>-28</v>
      </c>
      <c r="H20" s="503">
        <v>-26</v>
      </c>
      <c r="I20" s="348" t="s">
        <v>72</v>
      </c>
      <c r="J20" s="349" t="s">
        <v>72</v>
      </c>
      <c r="K20" s="349" t="s">
        <v>72</v>
      </c>
      <c r="L20" s="507">
        <v>54</v>
      </c>
      <c r="M20" s="508">
        <v>1.1000000000000001</v>
      </c>
      <c r="N20" s="505">
        <v>28</v>
      </c>
      <c r="O20" s="509">
        <v>1.1000000000000001</v>
      </c>
      <c r="P20" s="505">
        <v>26</v>
      </c>
      <c r="Q20" s="509">
        <v>1.1000000000000001</v>
      </c>
      <c r="R20" s="503">
        <v>186</v>
      </c>
      <c r="S20" s="504">
        <v>102</v>
      </c>
      <c r="T20" s="503">
        <v>84</v>
      </c>
      <c r="U20" s="505">
        <v>734</v>
      </c>
      <c r="V20" s="508">
        <v>4.9000000000000004</v>
      </c>
      <c r="W20" s="505">
        <v>393</v>
      </c>
      <c r="X20" s="509">
        <v>5.2</v>
      </c>
      <c r="Y20" s="505">
        <v>341</v>
      </c>
      <c r="Z20" s="509">
        <v>4.5</v>
      </c>
      <c r="AA20" s="505">
        <v>548</v>
      </c>
      <c r="AB20" s="508">
        <v>4</v>
      </c>
      <c r="AC20" s="505">
        <v>291</v>
      </c>
      <c r="AD20" s="509">
        <v>4.4000000000000004</v>
      </c>
      <c r="AE20" s="505">
        <v>257</v>
      </c>
      <c r="AF20" s="508">
        <v>3.7</v>
      </c>
    </row>
    <row r="21" spans="1:32" s="346" customFormat="1" ht="22.5" customHeight="1">
      <c r="A21" s="377">
        <v>23327</v>
      </c>
      <c r="B21" s="380" t="s">
        <v>448</v>
      </c>
      <c r="C21" s="503">
        <v>102</v>
      </c>
      <c r="D21" s="504">
        <v>64</v>
      </c>
      <c r="E21" s="503">
        <v>38</v>
      </c>
      <c r="F21" s="505">
        <v>-96</v>
      </c>
      <c r="G21" s="504">
        <v>-60</v>
      </c>
      <c r="H21" s="503">
        <v>-36</v>
      </c>
      <c r="I21" s="348" t="s">
        <v>72</v>
      </c>
      <c r="J21" s="349" t="s">
        <v>72</v>
      </c>
      <c r="K21" s="349" t="s">
        <v>72</v>
      </c>
      <c r="L21" s="505">
        <v>96</v>
      </c>
      <c r="M21" s="508">
        <v>2</v>
      </c>
      <c r="N21" s="505">
        <v>60</v>
      </c>
      <c r="O21" s="509">
        <v>2.4</v>
      </c>
      <c r="P21" s="505">
        <v>36</v>
      </c>
      <c r="Q21" s="509">
        <v>1.5</v>
      </c>
      <c r="R21" s="503">
        <v>198</v>
      </c>
      <c r="S21" s="504">
        <v>124</v>
      </c>
      <c r="T21" s="503">
        <v>74</v>
      </c>
      <c r="U21" s="505">
        <v>597</v>
      </c>
      <c r="V21" s="508">
        <v>4</v>
      </c>
      <c r="W21" s="505">
        <v>324</v>
      </c>
      <c r="X21" s="509">
        <v>4.3</v>
      </c>
      <c r="Y21" s="505">
        <v>273</v>
      </c>
      <c r="Z21" s="509">
        <v>3.6</v>
      </c>
      <c r="AA21" s="505">
        <v>399</v>
      </c>
      <c r="AB21" s="508">
        <v>2.9</v>
      </c>
      <c r="AC21" s="505">
        <v>200</v>
      </c>
      <c r="AD21" s="509">
        <v>3</v>
      </c>
      <c r="AE21" s="505">
        <v>199</v>
      </c>
      <c r="AF21" s="508">
        <v>2.9</v>
      </c>
    </row>
    <row r="22" spans="1:32" s="346" customFormat="1" ht="22.5" customHeight="1">
      <c r="A22" s="377">
        <v>20764</v>
      </c>
      <c r="B22" s="380" t="s">
        <v>449</v>
      </c>
      <c r="C22" s="503">
        <v>32</v>
      </c>
      <c r="D22" s="504">
        <v>8</v>
      </c>
      <c r="E22" s="503">
        <v>24</v>
      </c>
      <c r="F22" s="505">
        <v>-112</v>
      </c>
      <c r="G22" s="504">
        <v>-63</v>
      </c>
      <c r="H22" s="503">
        <v>-49</v>
      </c>
      <c r="I22" s="348" t="s">
        <v>72</v>
      </c>
      <c r="J22" s="349" t="s">
        <v>72</v>
      </c>
      <c r="K22" s="349" t="s">
        <v>72</v>
      </c>
      <c r="L22" s="505">
        <v>112</v>
      </c>
      <c r="M22" s="508">
        <v>2.2999999999999998</v>
      </c>
      <c r="N22" s="505">
        <v>63</v>
      </c>
      <c r="O22" s="509">
        <v>2.6</v>
      </c>
      <c r="P22" s="505">
        <v>49</v>
      </c>
      <c r="Q22" s="509">
        <v>2.1</v>
      </c>
      <c r="R22" s="503">
        <v>144</v>
      </c>
      <c r="S22" s="504">
        <v>71</v>
      </c>
      <c r="T22" s="503">
        <v>73</v>
      </c>
      <c r="U22" s="505">
        <v>443</v>
      </c>
      <c r="V22" s="508">
        <v>2.9</v>
      </c>
      <c r="W22" s="505">
        <v>240</v>
      </c>
      <c r="X22" s="509">
        <v>3.2</v>
      </c>
      <c r="Y22" s="505">
        <v>203</v>
      </c>
      <c r="Z22" s="509">
        <v>2.7</v>
      </c>
      <c r="AA22" s="505">
        <v>299</v>
      </c>
      <c r="AB22" s="508">
        <v>2.2000000000000002</v>
      </c>
      <c r="AC22" s="505">
        <v>169</v>
      </c>
      <c r="AD22" s="509">
        <v>2.5</v>
      </c>
      <c r="AE22" s="505">
        <v>130</v>
      </c>
      <c r="AF22" s="508">
        <v>1.9</v>
      </c>
    </row>
    <row r="23" spans="1:32" s="346" customFormat="1" ht="22.5" customHeight="1">
      <c r="A23" s="377">
        <v>20875</v>
      </c>
      <c r="B23" s="380" t="s">
        <v>450</v>
      </c>
      <c r="C23" s="503">
        <v>-46</v>
      </c>
      <c r="D23" s="504">
        <v>-59</v>
      </c>
      <c r="E23" s="503">
        <v>13</v>
      </c>
      <c r="F23" s="505">
        <v>-189</v>
      </c>
      <c r="G23" s="504">
        <v>-131</v>
      </c>
      <c r="H23" s="503">
        <v>-58</v>
      </c>
      <c r="I23" s="348" t="s">
        <v>72</v>
      </c>
      <c r="J23" s="349" t="s">
        <v>72</v>
      </c>
      <c r="K23" s="349" t="s">
        <v>72</v>
      </c>
      <c r="L23" s="505">
        <v>189</v>
      </c>
      <c r="M23" s="508">
        <v>3.9</v>
      </c>
      <c r="N23" s="505">
        <v>131</v>
      </c>
      <c r="O23" s="509">
        <v>5.3</v>
      </c>
      <c r="P23" s="505">
        <v>58</v>
      </c>
      <c r="Q23" s="509">
        <v>2.4</v>
      </c>
      <c r="R23" s="503">
        <v>143</v>
      </c>
      <c r="S23" s="504">
        <v>72</v>
      </c>
      <c r="T23" s="503">
        <v>71</v>
      </c>
      <c r="U23" s="505">
        <v>375</v>
      </c>
      <c r="V23" s="508">
        <v>2.5</v>
      </c>
      <c r="W23" s="505">
        <v>205</v>
      </c>
      <c r="X23" s="509">
        <v>2.7</v>
      </c>
      <c r="Y23" s="505">
        <v>170</v>
      </c>
      <c r="Z23" s="509">
        <v>2.2999999999999998</v>
      </c>
      <c r="AA23" s="505">
        <v>232</v>
      </c>
      <c r="AB23" s="508">
        <v>1.7</v>
      </c>
      <c r="AC23" s="505">
        <v>133</v>
      </c>
      <c r="AD23" s="509">
        <v>2</v>
      </c>
      <c r="AE23" s="505">
        <v>99</v>
      </c>
      <c r="AF23" s="508">
        <v>1.4</v>
      </c>
    </row>
    <row r="24" spans="1:32" s="346" customFormat="1" ht="22.5" customHeight="1">
      <c r="A24" s="355">
        <v>27423</v>
      </c>
      <c r="B24" s="380" t="s">
        <v>451</v>
      </c>
      <c r="C24" s="510">
        <v>-306</v>
      </c>
      <c r="D24" s="511">
        <v>-214</v>
      </c>
      <c r="E24" s="510">
        <v>-92</v>
      </c>
      <c r="F24" s="512">
        <v>-415</v>
      </c>
      <c r="G24" s="511">
        <v>-276</v>
      </c>
      <c r="H24" s="510">
        <v>-139</v>
      </c>
      <c r="I24" s="513" t="s">
        <v>72</v>
      </c>
      <c r="J24" s="514" t="s">
        <v>72</v>
      </c>
      <c r="K24" s="514" t="s">
        <v>72</v>
      </c>
      <c r="L24" s="512">
        <v>415</v>
      </c>
      <c r="M24" s="515">
        <v>8.6</v>
      </c>
      <c r="N24" s="512">
        <v>276</v>
      </c>
      <c r="O24" s="516">
        <v>11.2</v>
      </c>
      <c r="P24" s="512">
        <v>139</v>
      </c>
      <c r="Q24" s="516">
        <v>5.8</v>
      </c>
      <c r="R24" s="510">
        <v>109</v>
      </c>
      <c r="S24" s="511">
        <v>62</v>
      </c>
      <c r="T24" s="510">
        <v>47</v>
      </c>
      <c r="U24" s="512">
        <v>363</v>
      </c>
      <c r="V24" s="515">
        <v>2.4</v>
      </c>
      <c r="W24" s="512">
        <v>192</v>
      </c>
      <c r="X24" s="516">
        <v>2.5</v>
      </c>
      <c r="Y24" s="512">
        <v>171</v>
      </c>
      <c r="Z24" s="516">
        <v>2.2999999999999998</v>
      </c>
      <c r="AA24" s="512">
        <v>254</v>
      </c>
      <c r="AB24" s="515">
        <v>1.9</v>
      </c>
      <c r="AC24" s="512">
        <v>130</v>
      </c>
      <c r="AD24" s="516">
        <v>1.9</v>
      </c>
      <c r="AE24" s="512">
        <v>124</v>
      </c>
      <c r="AF24" s="515">
        <v>1.8</v>
      </c>
    </row>
    <row r="25" spans="1:32" s="346" customFormat="1" ht="22.5" customHeight="1">
      <c r="A25" s="377">
        <v>22560</v>
      </c>
      <c r="B25" s="518" t="s">
        <v>452</v>
      </c>
      <c r="C25" s="503">
        <v>-496</v>
      </c>
      <c r="D25" s="504">
        <v>-315</v>
      </c>
      <c r="E25" s="503">
        <v>-181</v>
      </c>
      <c r="F25" s="505">
        <v>-554</v>
      </c>
      <c r="G25" s="504">
        <v>-353</v>
      </c>
      <c r="H25" s="503">
        <v>-201</v>
      </c>
      <c r="I25" s="348" t="s">
        <v>72</v>
      </c>
      <c r="J25" s="349" t="s">
        <v>72</v>
      </c>
      <c r="K25" s="349" t="s">
        <v>72</v>
      </c>
      <c r="L25" s="507">
        <v>554</v>
      </c>
      <c r="M25" s="508">
        <v>11.4</v>
      </c>
      <c r="N25" s="505">
        <v>353</v>
      </c>
      <c r="O25" s="509">
        <v>14.3</v>
      </c>
      <c r="P25" s="505">
        <v>201</v>
      </c>
      <c r="Q25" s="509">
        <v>8.4</v>
      </c>
      <c r="R25" s="503">
        <v>58</v>
      </c>
      <c r="S25" s="504">
        <v>38</v>
      </c>
      <c r="T25" s="503">
        <v>20</v>
      </c>
      <c r="U25" s="505">
        <v>257</v>
      </c>
      <c r="V25" s="508">
        <v>1.7</v>
      </c>
      <c r="W25" s="505">
        <v>119</v>
      </c>
      <c r="X25" s="509">
        <v>1.6</v>
      </c>
      <c r="Y25" s="505">
        <v>138</v>
      </c>
      <c r="Z25" s="509">
        <v>1.8</v>
      </c>
      <c r="AA25" s="505">
        <v>199</v>
      </c>
      <c r="AB25" s="508">
        <v>1.5</v>
      </c>
      <c r="AC25" s="505">
        <v>81</v>
      </c>
      <c r="AD25" s="509">
        <v>1.2</v>
      </c>
      <c r="AE25" s="505">
        <v>118</v>
      </c>
      <c r="AF25" s="508">
        <v>1.7</v>
      </c>
    </row>
    <row r="26" spans="1:32" s="346" customFormat="1" ht="22.5" customHeight="1">
      <c r="A26" s="377">
        <v>18000</v>
      </c>
      <c r="B26" s="380" t="s">
        <v>453</v>
      </c>
      <c r="C26" s="503">
        <v>-768</v>
      </c>
      <c r="D26" s="504">
        <v>-441</v>
      </c>
      <c r="E26" s="503">
        <v>-327</v>
      </c>
      <c r="F26" s="505">
        <v>-841</v>
      </c>
      <c r="G26" s="504">
        <v>-475</v>
      </c>
      <c r="H26" s="503">
        <v>-366</v>
      </c>
      <c r="I26" s="348" t="s">
        <v>72</v>
      </c>
      <c r="J26" s="349" t="s">
        <v>72</v>
      </c>
      <c r="K26" s="349" t="s">
        <v>72</v>
      </c>
      <c r="L26" s="505">
        <v>841</v>
      </c>
      <c r="M26" s="508">
        <v>17.3</v>
      </c>
      <c r="N26" s="505">
        <v>475</v>
      </c>
      <c r="O26" s="509">
        <v>19.3</v>
      </c>
      <c r="P26" s="505">
        <v>366</v>
      </c>
      <c r="Q26" s="509">
        <v>15.4</v>
      </c>
      <c r="R26" s="503">
        <v>73</v>
      </c>
      <c r="S26" s="504">
        <v>34</v>
      </c>
      <c r="T26" s="503">
        <v>39</v>
      </c>
      <c r="U26" s="505">
        <v>219</v>
      </c>
      <c r="V26" s="508">
        <v>1.5</v>
      </c>
      <c r="W26" s="505">
        <v>96</v>
      </c>
      <c r="X26" s="509">
        <v>1.3</v>
      </c>
      <c r="Y26" s="505">
        <v>123</v>
      </c>
      <c r="Z26" s="509">
        <v>1.6</v>
      </c>
      <c r="AA26" s="505">
        <v>146</v>
      </c>
      <c r="AB26" s="508">
        <v>1.1000000000000001</v>
      </c>
      <c r="AC26" s="505">
        <v>62</v>
      </c>
      <c r="AD26" s="509">
        <v>0.9</v>
      </c>
      <c r="AE26" s="505">
        <v>84</v>
      </c>
      <c r="AF26" s="508">
        <v>1.2</v>
      </c>
    </row>
    <row r="27" spans="1:32" s="346" customFormat="1" ht="22.5" customHeight="1">
      <c r="A27" s="377">
        <v>11662</v>
      </c>
      <c r="B27" s="380" t="s">
        <v>454</v>
      </c>
      <c r="C27" s="503">
        <v>-936</v>
      </c>
      <c r="D27" s="504">
        <v>-481</v>
      </c>
      <c r="E27" s="503">
        <v>-455</v>
      </c>
      <c r="F27" s="505">
        <v>-992</v>
      </c>
      <c r="G27" s="504">
        <v>-502</v>
      </c>
      <c r="H27" s="503">
        <v>-490</v>
      </c>
      <c r="I27" s="348" t="s">
        <v>72</v>
      </c>
      <c r="J27" s="349" t="s">
        <v>72</v>
      </c>
      <c r="K27" s="349" t="s">
        <v>72</v>
      </c>
      <c r="L27" s="505">
        <v>992</v>
      </c>
      <c r="M27" s="508">
        <v>20.5</v>
      </c>
      <c r="N27" s="505">
        <v>502</v>
      </c>
      <c r="O27" s="509">
        <v>20.399999999999999</v>
      </c>
      <c r="P27" s="505">
        <v>490</v>
      </c>
      <c r="Q27" s="509">
        <v>20.6</v>
      </c>
      <c r="R27" s="503">
        <v>56</v>
      </c>
      <c r="S27" s="504">
        <v>21</v>
      </c>
      <c r="T27" s="503">
        <v>35</v>
      </c>
      <c r="U27" s="505">
        <v>185</v>
      </c>
      <c r="V27" s="508">
        <v>1.2</v>
      </c>
      <c r="W27" s="505">
        <v>60</v>
      </c>
      <c r="X27" s="509">
        <v>0.8</v>
      </c>
      <c r="Y27" s="505">
        <v>125</v>
      </c>
      <c r="Z27" s="509">
        <v>1.7</v>
      </c>
      <c r="AA27" s="505">
        <v>129</v>
      </c>
      <c r="AB27" s="508">
        <v>0.9</v>
      </c>
      <c r="AC27" s="505">
        <v>39</v>
      </c>
      <c r="AD27" s="509">
        <v>0.6</v>
      </c>
      <c r="AE27" s="505">
        <v>90</v>
      </c>
      <c r="AF27" s="508">
        <v>1.3</v>
      </c>
    </row>
    <row r="28" spans="1:32" s="346" customFormat="1" ht="22.5" customHeight="1">
      <c r="A28" s="377">
        <v>5510</v>
      </c>
      <c r="B28" s="380" t="s">
        <v>455</v>
      </c>
      <c r="C28" s="503">
        <v>-884</v>
      </c>
      <c r="D28" s="504">
        <v>-356</v>
      </c>
      <c r="E28" s="503">
        <v>-528</v>
      </c>
      <c r="F28" s="505">
        <v>-913</v>
      </c>
      <c r="G28" s="504">
        <v>-371</v>
      </c>
      <c r="H28" s="503">
        <v>-542</v>
      </c>
      <c r="I28" s="348" t="s">
        <v>72</v>
      </c>
      <c r="J28" s="349" t="s">
        <v>72</v>
      </c>
      <c r="K28" s="349" t="s">
        <v>72</v>
      </c>
      <c r="L28" s="505">
        <v>913</v>
      </c>
      <c r="M28" s="508">
        <v>18.8</v>
      </c>
      <c r="N28" s="505">
        <v>371</v>
      </c>
      <c r="O28" s="509">
        <v>15.1</v>
      </c>
      <c r="P28" s="505">
        <v>542</v>
      </c>
      <c r="Q28" s="509">
        <v>22.7</v>
      </c>
      <c r="R28" s="503">
        <v>29</v>
      </c>
      <c r="S28" s="504">
        <v>15</v>
      </c>
      <c r="T28" s="503">
        <v>14</v>
      </c>
      <c r="U28" s="505">
        <v>88</v>
      </c>
      <c r="V28" s="508">
        <v>0.6</v>
      </c>
      <c r="W28" s="505">
        <v>30</v>
      </c>
      <c r="X28" s="509">
        <v>0.4</v>
      </c>
      <c r="Y28" s="505">
        <v>58</v>
      </c>
      <c r="Z28" s="509">
        <v>0.8</v>
      </c>
      <c r="AA28" s="505">
        <v>59</v>
      </c>
      <c r="AB28" s="508">
        <v>0.4</v>
      </c>
      <c r="AC28" s="505">
        <v>15</v>
      </c>
      <c r="AD28" s="509">
        <v>0.2</v>
      </c>
      <c r="AE28" s="505">
        <v>44</v>
      </c>
      <c r="AF28" s="508">
        <v>0.6</v>
      </c>
    </row>
    <row r="29" spans="1:32" s="346" customFormat="1" ht="22.5" customHeight="1">
      <c r="A29" s="355">
        <v>1630</v>
      </c>
      <c r="B29" s="381" t="s">
        <v>456</v>
      </c>
      <c r="C29" s="510">
        <v>-449</v>
      </c>
      <c r="D29" s="511">
        <v>-121</v>
      </c>
      <c r="E29" s="510">
        <v>-328</v>
      </c>
      <c r="F29" s="512">
        <v>-455</v>
      </c>
      <c r="G29" s="511">
        <v>-124</v>
      </c>
      <c r="H29" s="510">
        <v>-331</v>
      </c>
      <c r="I29" s="513" t="s">
        <v>72</v>
      </c>
      <c r="J29" s="514" t="s">
        <v>72</v>
      </c>
      <c r="K29" s="514" t="s">
        <v>72</v>
      </c>
      <c r="L29" s="505">
        <v>455</v>
      </c>
      <c r="M29" s="515">
        <v>9.4</v>
      </c>
      <c r="N29" s="512">
        <v>124</v>
      </c>
      <c r="O29" s="516">
        <v>5</v>
      </c>
      <c r="P29" s="512">
        <v>331</v>
      </c>
      <c r="Q29" s="516">
        <v>13.9</v>
      </c>
      <c r="R29" s="510">
        <v>6</v>
      </c>
      <c r="S29" s="511">
        <v>3</v>
      </c>
      <c r="T29" s="510">
        <v>3</v>
      </c>
      <c r="U29" s="512">
        <v>26</v>
      </c>
      <c r="V29" s="515">
        <v>0.2</v>
      </c>
      <c r="W29" s="512">
        <v>9</v>
      </c>
      <c r="X29" s="516">
        <v>0.1</v>
      </c>
      <c r="Y29" s="512">
        <v>17</v>
      </c>
      <c r="Z29" s="516">
        <v>0.2</v>
      </c>
      <c r="AA29" s="512">
        <v>20</v>
      </c>
      <c r="AB29" s="515">
        <v>0.1</v>
      </c>
      <c r="AC29" s="512">
        <v>6</v>
      </c>
      <c r="AD29" s="516">
        <v>0.1</v>
      </c>
      <c r="AE29" s="512">
        <v>14</v>
      </c>
      <c r="AF29" s="515">
        <v>0.2</v>
      </c>
    </row>
    <row r="30" spans="1:32" s="346" customFormat="1" ht="22.5" customHeight="1">
      <c r="A30" s="519">
        <v>260</v>
      </c>
      <c r="B30" s="520" t="s">
        <v>457</v>
      </c>
      <c r="C30" s="521">
        <v>-125</v>
      </c>
      <c r="D30" s="522">
        <v>-20</v>
      </c>
      <c r="E30" s="523">
        <v>-105</v>
      </c>
      <c r="F30" s="523">
        <v>-128</v>
      </c>
      <c r="G30" s="522">
        <v>-22</v>
      </c>
      <c r="H30" s="524">
        <v>-106</v>
      </c>
      <c r="I30" s="525" t="s">
        <v>72</v>
      </c>
      <c r="J30" s="526" t="s">
        <v>72</v>
      </c>
      <c r="K30" s="526" t="s">
        <v>72</v>
      </c>
      <c r="L30" s="523">
        <v>128</v>
      </c>
      <c r="M30" s="879">
        <v>2.6</v>
      </c>
      <c r="N30" s="523">
        <v>22</v>
      </c>
      <c r="O30" s="880">
        <v>0.9</v>
      </c>
      <c r="P30" s="523">
        <v>106</v>
      </c>
      <c r="Q30" s="880">
        <v>4.4000000000000004</v>
      </c>
      <c r="R30" s="524">
        <v>3</v>
      </c>
      <c r="S30" s="522">
        <v>2</v>
      </c>
      <c r="T30" s="523">
        <v>1</v>
      </c>
      <c r="U30" s="523">
        <v>3</v>
      </c>
      <c r="V30" s="879">
        <v>0</v>
      </c>
      <c r="W30" s="523">
        <v>2</v>
      </c>
      <c r="X30" s="880">
        <v>0</v>
      </c>
      <c r="Y30" s="523">
        <v>1</v>
      </c>
      <c r="Z30" s="880">
        <v>0</v>
      </c>
      <c r="AA30" s="523">
        <v>0</v>
      </c>
      <c r="AB30" s="879">
        <v>0</v>
      </c>
      <c r="AC30" s="523">
        <v>0</v>
      </c>
      <c r="AD30" s="880">
        <v>0</v>
      </c>
      <c r="AE30" s="523">
        <v>0</v>
      </c>
      <c r="AF30" s="879">
        <v>0</v>
      </c>
    </row>
    <row r="31" spans="1:32" s="346" customFormat="1" ht="22.5" customHeight="1">
      <c r="A31" s="377">
        <v>33592</v>
      </c>
      <c r="B31" s="347" t="s">
        <v>458</v>
      </c>
      <c r="C31" s="503">
        <v>1938</v>
      </c>
      <c r="D31" s="504">
        <v>971</v>
      </c>
      <c r="E31" s="503">
        <v>967</v>
      </c>
      <c r="F31" s="505">
        <v>1628</v>
      </c>
      <c r="G31" s="504">
        <v>821</v>
      </c>
      <c r="H31" s="503">
        <v>807</v>
      </c>
      <c r="I31" s="505">
        <v>1634</v>
      </c>
      <c r="J31" s="504">
        <v>823</v>
      </c>
      <c r="K31" s="504">
        <v>811</v>
      </c>
      <c r="L31" s="505">
        <v>6</v>
      </c>
      <c r="M31" s="508">
        <v>0.1</v>
      </c>
      <c r="N31" s="505">
        <v>2</v>
      </c>
      <c r="O31" s="509">
        <v>0.1</v>
      </c>
      <c r="P31" s="505">
        <v>4</v>
      </c>
      <c r="Q31" s="509">
        <v>0.2</v>
      </c>
      <c r="R31" s="503">
        <v>310</v>
      </c>
      <c r="S31" s="504">
        <v>150</v>
      </c>
      <c r="T31" s="505">
        <v>160</v>
      </c>
      <c r="U31" s="505">
        <v>1303</v>
      </c>
      <c r="V31" s="508">
        <v>8.6</v>
      </c>
      <c r="W31" s="505">
        <v>663</v>
      </c>
      <c r="X31" s="509">
        <v>8.8000000000000007</v>
      </c>
      <c r="Y31" s="505">
        <v>640</v>
      </c>
      <c r="Z31" s="509">
        <v>8.5</v>
      </c>
      <c r="AA31" s="505">
        <v>993</v>
      </c>
      <c r="AB31" s="508">
        <v>7.3</v>
      </c>
      <c r="AC31" s="505">
        <v>513</v>
      </c>
      <c r="AD31" s="509">
        <v>7.7</v>
      </c>
      <c r="AE31" s="505">
        <v>480</v>
      </c>
      <c r="AF31" s="508">
        <v>6.9</v>
      </c>
    </row>
    <row r="32" spans="1:32" s="346" customFormat="1" ht="22.5" customHeight="1">
      <c r="A32" s="377">
        <v>185714</v>
      </c>
      <c r="B32" s="347" t="s">
        <v>459</v>
      </c>
      <c r="C32" s="503">
        <v>281</v>
      </c>
      <c r="D32" s="504">
        <v>262</v>
      </c>
      <c r="E32" s="503">
        <v>19</v>
      </c>
      <c r="F32" s="505">
        <v>-355</v>
      </c>
      <c r="G32" s="504">
        <v>-208</v>
      </c>
      <c r="H32" s="503">
        <v>-147</v>
      </c>
      <c r="I32" s="348" t="s">
        <v>72</v>
      </c>
      <c r="J32" s="349" t="s">
        <v>72</v>
      </c>
      <c r="K32" s="349" t="s">
        <v>72</v>
      </c>
      <c r="L32" s="505">
        <v>355</v>
      </c>
      <c r="M32" s="508">
        <v>7.3</v>
      </c>
      <c r="N32" s="505">
        <v>208</v>
      </c>
      <c r="O32" s="509">
        <v>8.4</v>
      </c>
      <c r="P32" s="505">
        <v>147</v>
      </c>
      <c r="Q32" s="509">
        <v>6.2</v>
      </c>
      <c r="R32" s="503">
        <v>636</v>
      </c>
      <c r="S32" s="504">
        <v>470</v>
      </c>
      <c r="T32" s="503">
        <v>166</v>
      </c>
      <c r="U32" s="505">
        <v>12261</v>
      </c>
      <c r="V32" s="508">
        <v>81.3</v>
      </c>
      <c r="W32" s="505">
        <v>6175</v>
      </c>
      <c r="X32" s="509">
        <v>81.8</v>
      </c>
      <c r="Y32" s="505">
        <v>6086</v>
      </c>
      <c r="Z32" s="509">
        <v>80.8</v>
      </c>
      <c r="AA32" s="505">
        <v>11625</v>
      </c>
      <c r="AB32" s="508">
        <v>85.1</v>
      </c>
      <c r="AC32" s="505">
        <v>5705</v>
      </c>
      <c r="AD32" s="509">
        <v>85.4</v>
      </c>
      <c r="AE32" s="505">
        <v>5920</v>
      </c>
      <c r="AF32" s="508">
        <v>84.9</v>
      </c>
    </row>
    <row r="33" spans="1:32" s="346" customFormat="1" ht="22.5" customHeight="1" thickBot="1">
      <c r="A33" s="527">
        <v>107920</v>
      </c>
      <c r="B33" s="350" t="s">
        <v>460</v>
      </c>
      <c r="C33" s="528">
        <v>-4010</v>
      </c>
      <c r="D33" s="529">
        <v>-2007</v>
      </c>
      <c r="E33" s="528">
        <v>-2003</v>
      </c>
      <c r="F33" s="530">
        <v>-4487</v>
      </c>
      <c r="G33" s="529">
        <v>-2254</v>
      </c>
      <c r="H33" s="528">
        <v>-2233</v>
      </c>
      <c r="I33" s="351" t="s">
        <v>72</v>
      </c>
      <c r="J33" s="352" t="s">
        <v>72</v>
      </c>
      <c r="K33" s="352" t="s">
        <v>72</v>
      </c>
      <c r="L33" s="530">
        <v>4487</v>
      </c>
      <c r="M33" s="531">
        <v>92.6</v>
      </c>
      <c r="N33" s="530">
        <v>2254</v>
      </c>
      <c r="O33" s="532">
        <v>91.5</v>
      </c>
      <c r="P33" s="530">
        <v>2233</v>
      </c>
      <c r="Q33" s="532">
        <v>93.7</v>
      </c>
      <c r="R33" s="528">
        <v>477</v>
      </c>
      <c r="S33" s="529">
        <v>247</v>
      </c>
      <c r="T33" s="528">
        <v>230</v>
      </c>
      <c r="U33" s="530">
        <v>1516</v>
      </c>
      <c r="V33" s="531">
        <v>10.1</v>
      </c>
      <c r="W33" s="530">
        <v>713</v>
      </c>
      <c r="X33" s="532">
        <v>9.4</v>
      </c>
      <c r="Y33" s="530">
        <v>803</v>
      </c>
      <c r="Z33" s="532">
        <v>10.7</v>
      </c>
      <c r="AA33" s="530">
        <v>1039</v>
      </c>
      <c r="AB33" s="531">
        <v>7.6</v>
      </c>
      <c r="AC33" s="530">
        <v>466</v>
      </c>
      <c r="AD33" s="532">
        <v>7</v>
      </c>
      <c r="AE33" s="530">
        <v>573</v>
      </c>
      <c r="AF33" s="531">
        <v>8.1999999999999993</v>
      </c>
    </row>
    <row r="34" spans="1:32" ht="12" customHeight="1" thickTop="1">
      <c r="A34" s="384"/>
      <c r="B34" s="384"/>
      <c r="C34" s="384"/>
      <c r="D34" s="384"/>
      <c r="E34" s="384"/>
      <c r="F34" s="384"/>
      <c r="G34" s="384"/>
    </row>
    <row r="35" spans="1:32" s="353" customFormat="1" ht="18" customHeight="1">
      <c r="A35" s="533" t="s">
        <v>463</v>
      </c>
      <c r="B35" s="490"/>
      <c r="C35" s="490"/>
      <c r="D35" s="490"/>
      <c r="E35" s="490"/>
      <c r="F35" s="490"/>
      <c r="G35" s="490"/>
      <c r="H35" s="490"/>
      <c r="I35" s="491"/>
    </row>
    <row r="36" spans="1:32" s="353" customFormat="1" ht="18" customHeight="1">
      <c r="A36" s="533" t="s">
        <v>507</v>
      </c>
    </row>
    <row r="37" spans="1:32" s="353" customFormat="1" ht="18" customHeight="1">
      <c r="A37" s="533" t="s">
        <v>508</v>
      </c>
      <c r="B37" s="492"/>
      <c r="C37" s="492"/>
      <c r="D37" s="492"/>
      <c r="E37" s="492"/>
      <c r="F37" s="492"/>
      <c r="G37" s="492"/>
      <c r="H37" s="492"/>
      <c r="I37" s="492"/>
    </row>
    <row r="38" spans="1:32" s="353" customFormat="1" ht="18" customHeight="1">
      <c r="A38" s="533" t="s">
        <v>509</v>
      </c>
    </row>
    <row r="48" spans="1:32">
      <c r="A48" s="534"/>
    </row>
  </sheetData>
  <mergeCells count="15">
    <mergeCell ref="A2:A6"/>
    <mergeCell ref="C4:E4"/>
    <mergeCell ref="F4:H4"/>
    <mergeCell ref="I4:K4"/>
    <mergeCell ref="L4:Q4"/>
    <mergeCell ref="U4:Z4"/>
    <mergeCell ref="AA4:AF4"/>
    <mergeCell ref="C5:E5"/>
    <mergeCell ref="F5:H5"/>
    <mergeCell ref="I5:K5"/>
    <mergeCell ref="L5:Q5"/>
    <mergeCell ref="R5:T5"/>
    <mergeCell ref="U5:Z5"/>
    <mergeCell ref="AA5:AF5"/>
    <mergeCell ref="R4:T4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72" firstPageNumber="22" orientation="landscape" blackAndWhite="1" r:id="rId1"/>
  <headerFooter scaleWithDoc="0"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52"/>
  <sheetViews>
    <sheetView view="pageBreakPreview" zoomScale="80" zoomScaleNormal="80" zoomScaleSheetLayoutView="80" workbookViewId="0"/>
  </sheetViews>
  <sheetFormatPr defaultRowHeight="13.5"/>
  <cols>
    <col min="1" max="1" width="5.625" style="151" customWidth="1"/>
    <col min="2" max="2" width="15" style="151" customWidth="1"/>
    <col min="3" max="3" width="12.5" style="151" customWidth="1"/>
    <col min="4" max="4" width="5.625" style="151" customWidth="1"/>
    <col min="5" max="25" width="10" style="151" customWidth="1"/>
    <col min="26" max="16384" width="9" style="151"/>
  </cols>
  <sheetData>
    <row r="1" spans="1:25" ht="20.25" customHeight="1" thickBot="1">
      <c r="A1" s="658" t="s">
        <v>516</v>
      </c>
      <c r="C1" s="329"/>
      <c r="D1" s="329"/>
      <c r="E1" s="329"/>
      <c r="F1" s="329"/>
      <c r="G1" s="329"/>
      <c r="R1" s="329"/>
      <c r="T1" s="329"/>
      <c r="U1" s="329"/>
      <c r="X1" s="330"/>
      <c r="Y1" s="463" t="s">
        <v>625</v>
      </c>
    </row>
    <row r="2" spans="1:25" ht="20.25" customHeight="1" thickTop="1">
      <c r="A2" s="356"/>
      <c r="B2" s="357"/>
      <c r="C2" s="464"/>
      <c r="D2" s="331"/>
      <c r="E2" s="331"/>
      <c r="F2" s="331"/>
      <c r="G2" s="331"/>
      <c r="H2" s="331"/>
      <c r="I2" s="331"/>
      <c r="J2" s="331"/>
      <c r="K2" s="331"/>
      <c r="L2" s="331"/>
      <c r="M2" s="331"/>
      <c r="N2" s="331"/>
      <c r="O2" s="331"/>
      <c r="P2" s="331"/>
      <c r="Q2" s="331"/>
      <c r="R2" s="331"/>
      <c r="S2" s="331"/>
      <c r="T2" s="331"/>
      <c r="U2" s="331"/>
      <c r="V2" s="331"/>
      <c r="W2" s="331"/>
      <c r="X2" s="331"/>
      <c r="Y2" s="331"/>
    </row>
    <row r="3" spans="1:25" ht="20.25" customHeight="1">
      <c r="A3" s="358"/>
      <c r="B3" s="359"/>
      <c r="C3" s="332"/>
      <c r="D3" s="360"/>
      <c r="E3" s="465"/>
      <c r="F3" s="333"/>
      <c r="G3" s="334"/>
      <c r="H3" s="466"/>
      <c r="I3" s="467"/>
      <c r="J3" s="335"/>
      <c r="K3" s="335"/>
      <c r="L3" s="335"/>
      <c r="M3" s="335"/>
      <c r="N3" s="335"/>
      <c r="O3" s="335"/>
      <c r="P3" s="335"/>
      <c r="Q3" s="466"/>
      <c r="R3" s="467"/>
      <c r="S3" s="335"/>
      <c r="T3" s="335"/>
      <c r="U3" s="335"/>
      <c r="V3" s="335"/>
      <c r="W3" s="335"/>
      <c r="X3" s="335"/>
      <c r="Y3" s="335"/>
    </row>
    <row r="4" spans="1:25" ht="20.25" customHeight="1">
      <c r="A4" s="1043" t="s">
        <v>420</v>
      </c>
      <c r="B4" s="1044"/>
      <c r="C4" s="468" t="s">
        <v>253</v>
      </c>
      <c r="D4" s="366"/>
      <c r="E4" s="1034" t="s">
        <v>490</v>
      </c>
      <c r="F4" s="1034"/>
      <c r="G4" s="1035"/>
      <c r="H4" s="1033" t="s">
        <v>422</v>
      </c>
      <c r="I4" s="1034"/>
      <c r="J4" s="1035"/>
      <c r="K4" s="1027" t="s">
        <v>423</v>
      </c>
      <c r="L4" s="1028"/>
      <c r="M4" s="1029"/>
      <c r="N4" s="1027" t="s">
        <v>491</v>
      </c>
      <c r="O4" s="1028"/>
      <c r="P4" s="1028"/>
      <c r="Q4" s="1033" t="s">
        <v>425</v>
      </c>
      <c r="R4" s="1034"/>
      <c r="S4" s="1035"/>
      <c r="T4" s="1027" t="s">
        <v>426</v>
      </c>
      <c r="U4" s="1028"/>
      <c r="V4" s="1028"/>
      <c r="W4" s="1027" t="s">
        <v>427</v>
      </c>
      <c r="X4" s="1028"/>
      <c r="Y4" s="1028"/>
    </row>
    <row r="5" spans="1:25" ht="20.25" customHeight="1">
      <c r="A5" s="358"/>
      <c r="B5" s="359"/>
      <c r="C5" s="347"/>
      <c r="D5" s="469"/>
      <c r="E5" s="1031" t="s">
        <v>492</v>
      </c>
      <c r="F5" s="1031"/>
      <c r="G5" s="1032"/>
      <c r="H5" s="1030" t="s">
        <v>493</v>
      </c>
      <c r="I5" s="1031"/>
      <c r="J5" s="1032"/>
      <c r="K5" s="1030" t="s">
        <v>494</v>
      </c>
      <c r="L5" s="1031"/>
      <c r="M5" s="1032"/>
      <c r="N5" s="1030" t="s">
        <v>495</v>
      </c>
      <c r="O5" s="1031"/>
      <c r="P5" s="1031"/>
      <c r="Q5" s="1030" t="s">
        <v>496</v>
      </c>
      <c r="R5" s="1031"/>
      <c r="S5" s="1032"/>
      <c r="T5" s="1030" t="s">
        <v>433</v>
      </c>
      <c r="U5" s="1031"/>
      <c r="V5" s="1031"/>
      <c r="W5" s="1030" t="s">
        <v>434</v>
      </c>
      <c r="X5" s="1031"/>
      <c r="Y5" s="1031"/>
    </row>
    <row r="6" spans="1:25" ht="20.25" customHeight="1">
      <c r="A6" s="361"/>
      <c r="B6" s="362"/>
      <c r="C6" s="470"/>
      <c r="D6" s="471"/>
      <c r="E6" s="472" t="s">
        <v>497</v>
      </c>
      <c r="F6" s="472" t="s">
        <v>498</v>
      </c>
      <c r="G6" s="473" t="s">
        <v>499</v>
      </c>
      <c r="H6" s="474" t="s">
        <v>497</v>
      </c>
      <c r="I6" s="472" t="s">
        <v>498</v>
      </c>
      <c r="J6" s="473" t="s">
        <v>499</v>
      </c>
      <c r="K6" s="474" t="s">
        <v>500</v>
      </c>
      <c r="L6" s="472" t="s">
        <v>498</v>
      </c>
      <c r="M6" s="472" t="s">
        <v>499</v>
      </c>
      <c r="N6" s="475" t="s">
        <v>500</v>
      </c>
      <c r="O6" s="475" t="s">
        <v>502</v>
      </c>
      <c r="P6" s="475" t="s">
        <v>499</v>
      </c>
      <c r="Q6" s="472" t="s">
        <v>497</v>
      </c>
      <c r="R6" s="472" t="s">
        <v>498</v>
      </c>
      <c r="S6" s="473" t="s">
        <v>499</v>
      </c>
      <c r="T6" s="474" t="s">
        <v>497</v>
      </c>
      <c r="U6" s="475" t="s">
        <v>498</v>
      </c>
      <c r="V6" s="475" t="s">
        <v>499</v>
      </c>
      <c r="W6" s="475" t="s">
        <v>497</v>
      </c>
      <c r="X6" s="475" t="s">
        <v>498</v>
      </c>
      <c r="Y6" s="475" t="s">
        <v>499</v>
      </c>
    </row>
    <row r="7" spans="1:25" ht="20.25" customHeight="1">
      <c r="A7" s="363"/>
      <c r="B7" s="476" t="s">
        <v>192</v>
      </c>
      <c r="C7" s="239"/>
      <c r="D7" s="477"/>
      <c r="E7" s="478" t="s">
        <v>192</v>
      </c>
      <c r="F7" s="105" t="s">
        <v>192</v>
      </c>
      <c r="G7" s="86" t="s">
        <v>192</v>
      </c>
      <c r="H7" s="106" t="s">
        <v>192</v>
      </c>
      <c r="I7" s="105" t="s">
        <v>192</v>
      </c>
      <c r="J7" s="86" t="s">
        <v>192</v>
      </c>
      <c r="K7" s="106" t="s">
        <v>192</v>
      </c>
      <c r="L7" s="105" t="s">
        <v>192</v>
      </c>
      <c r="M7" s="105" t="s">
        <v>192</v>
      </c>
      <c r="N7" s="479" t="s">
        <v>192</v>
      </c>
      <c r="O7" s="479" t="s">
        <v>192</v>
      </c>
      <c r="P7" s="479" t="s">
        <v>192</v>
      </c>
      <c r="Q7" s="478" t="s">
        <v>192</v>
      </c>
      <c r="R7" s="105" t="s">
        <v>192</v>
      </c>
      <c r="S7" s="86" t="s">
        <v>192</v>
      </c>
      <c r="T7" s="479" t="s">
        <v>192</v>
      </c>
      <c r="U7" s="479" t="s">
        <v>192</v>
      </c>
      <c r="V7" s="479" t="s">
        <v>192</v>
      </c>
      <c r="W7" s="479" t="s">
        <v>192</v>
      </c>
      <c r="X7" s="479" t="s">
        <v>192</v>
      </c>
      <c r="Y7" s="479" t="s">
        <v>192</v>
      </c>
    </row>
    <row r="8" spans="1:25" ht="20.25" customHeight="1">
      <c r="A8" s="364"/>
      <c r="B8" s="372">
        <v>9227901</v>
      </c>
      <c r="C8" s="365" t="s">
        <v>194</v>
      </c>
      <c r="D8" s="366"/>
      <c r="E8" s="373">
        <v>-3276</v>
      </c>
      <c r="F8" s="374">
        <v>-5085</v>
      </c>
      <c r="G8" s="375">
        <v>1809</v>
      </c>
      <c r="H8" s="373">
        <v>-40970</v>
      </c>
      <c r="I8" s="374">
        <v>-23198</v>
      </c>
      <c r="J8" s="376">
        <v>-17772</v>
      </c>
      <c r="K8" s="373">
        <v>58118</v>
      </c>
      <c r="L8" s="374">
        <v>29533</v>
      </c>
      <c r="M8" s="376">
        <v>28585</v>
      </c>
      <c r="N8" s="375">
        <v>99088</v>
      </c>
      <c r="O8" s="373">
        <v>52731</v>
      </c>
      <c r="P8" s="373">
        <v>46357</v>
      </c>
      <c r="Q8" s="373">
        <v>37694</v>
      </c>
      <c r="R8" s="374">
        <v>18113</v>
      </c>
      <c r="S8" s="376">
        <v>19581</v>
      </c>
      <c r="T8" s="375">
        <v>505665</v>
      </c>
      <c r="U8" s="373">
        <v>269359</v>
      </c>
      <c r="V8" s="373">
        <v>236306</v>
      </c>
      <c r="W8" s="373">
        <v>467971</v>
      </c>
      <c r="X8" s="373">
        <v>251246</v>
      </c>
      <c r="Y8" s="373">
        <v>216725</v>
      </c>
    </row>
    <row r="9" spans="1:25" ht="12.75" customHeight="1">
      <c r="A9" s="367"/>
      <c r="B9" s="355"/>
      <c r="C9" s="341"/>
      <c r="D9" s="368"/>
      <c r="E9" s="323"/>
      <c r="F9" s="307"/>
      <c r="G9" s="369"/>
      <c r="H9" s="323"/>
      <c r="I9" s="307"/>
      <c r="J9" s="324"/>
      <c r="K9" s="323"/>
      <c r="L9" s="307"/>
      <c r="M9" s="324"/>
      <c r="N9" s="369"/>
      <c r="O9" s="323"/>
      <c r="P9" s="307"/>
      <c r="Q9" s="323"/>
      <c r="R9" s="307"/>
      <c r="S9" s="307"/>
      <c r="T9" s="369"/>
      <c r="U9" s="307"/>
      <c r="V9" s="369"/>
      <c r="W9" s="323"/>
      <c r="X9" s="307"/>
      <c r="Y9" s="369"/>
    </row>
    <row r="10" spans="1:25" ht="20.25" customHeight="1">
      <c r="A10" s="364" t="s">
        <v>517</v>
      </c>
      <c r="B10" s="377">
        <v>666586</v>
      </c>
      <c r="C10" s="378" t="s">
        <v>518</v>
      </c>
      <c r="D10" s="366" t="s">
        <v>519</v>
      </c>
      <c r="E10" s="320">
        <v>58750</v>
      </c>
      <c r="F10" s="320">
        <v>29821</v>
      </c>
      <c r="G10" s="320">
        <v>28929</v>
      </c>
      <c r="H10" s="320">
        <v>57943</v>
      </c>
      <c r="I10" s="320">
        <v>29443</v>
      </c>
      <c r="J10" s="320">
        <v>28500</v>
      </c>
      <c r="K10" s="320">
        <v>58118</v>
      </c>
      <c r="L10" s="304">
        <v>29533</v>
      </c>
      <c r="M10" s="304">
        <v>28585</v>
      </c>
      <c r="N10" s="320">
        <v>175</v>
      </c>
      <c r="O10" s="320">
        <v>90</v>
      </c>
      <c r="P10" s="320">
        <v>85</v>
      </c>
      <c r="Q10" s="320">
        <v>807</v>
      </c>
      <c r="R10" s="320">
        <v>378</v>
      </c>
      <c r="S10" s="320">
        <v>429</v>
      </c>
      <c r="T10" s="320">
        <v>37481</v>
      </c>
      <c r="U10" s="304">
        <v>19318</v>
      </c>
      <c r="V10" s="379">
        <v>18163</v>
      </c>
      <c r="W10" s="320">
        <v>36674</v>
      </c>
      <c r="X10" s="304">
        <v>18940</v>
      </c>
      <c r="Y10" s="379">
        <v>17734</v>
      </c>
    </row>
    <row r="11" spans="1:25" ht="20.25" customHeight="1">
      <c r="A11" s="370"/>
      <c r="B11" s="377">
        <v>777964</v>
      </c>
      <c r="C11" s="380" t="s">
        <v>520</v>
      </c>
      <c r="D11" s="480"/>
      <c r="E11" s="320">
        <v>6698</v>
      </c>
      <c r="F11" s="320">
        <v>3571</v>
      </c>
      <c r="G11" s="320">
        <v>3127</v>
      </c>
      <c r="H11" s="320">
        <v>-97</v>
      </c>
      <c r="I11" s="320">
        <v>-57</v>
      </c>
      <c r="J11" s="320">
        <v>-40</v>
      </c>
      <c r="K11" s="320" t="s">
        <v>72</v>
      </c>
      <c r="L11" s="304" t="s">
        <v>72</v>
      </c>
      <c r="M11" s="304" t="s">
        <v>72</v>
      </c>
      <c r="N11" s="320">
        <v>97</v>
      </c>
      <c r="O11" s="320">
        <v>57</v>
      </c>
      <c r="P11" s="320">
        <v>40</v>
      </c>
      <c r="Q11" s="320">
        <v>6795</v>
      </c>
      <c r="R11" s="320">
        <v>3628</v>
      </c>
      <c r="S11" s="320">
        <v>3167</v>
      </c>
      <c r="T11" s="320">
        <v>25844</v>
      </c>
      <c r="U11" s="304">
        <v>14102</v>
      </c>
      <c r="V11" s="379">
        <v>11742</v>
      </c>
      <c r="W11" s="320">
        <v>19049</v>
      </c>
      <c r="X11" s="304">
        <v>10474</v>
      </c>
      <c r="Y11" s="379">
        <v>8575</v>
      </c>
    </row>
    <row r="12" spans="1:25" ht="20.25" customHeight="1">
      <c r="A12" s="1038" t="s">
        <v>435</v>
      </c>
      <c r="B12" s="377">
        <v>992385</v>
      </c>
      <c r="C12" s="380" t="s">
        <v>521</v>
      </c>
      <c r="D12" s="1040" t="s">
        <v>522</v>
      </c>
      <c r="E12" s="320">
        <v>22483</v>
      </c>
      <c r="F12" s="320">
        <v>11993</v>
      </c>
      <c r="G12" s="320">
        <v>10490</v>
      </c>
      <c r="H12" s="320">
        <v>-363</v>
      </c>
      <c r="I12" s="320">
        <v>-223</v>
      </c>
      <c r="J12" s="320">
        <v>-140</v>
      </c>
      <c r="K12" s="320" t="s">
        <v>72</v>
      </c>
      <c r="L12" s="304" t="s">
        <v>72</v>
      </c>
      <c r="M12" s="304" t="s">
        <v>72</v>
      </c>
      <c r="N12" s="320">
        <v>363</v>
      </c>
      <c r="O12" s="320">
        <v>223</v>
      </c>
      <c r="P12" s="320">
        <v>140</v>
      </c>
      <c r="Q12" s="320">
        <v>22846</v>
      </c>
      <c r="R12" s="320">
        <v>12216</v>
      </c>
      <c r="S12" s="320">
        <v>10630</v>
      </c>
      <c r="T12" s="320">
        <v>197233</v>
      </c>
      <c r="U12" s="304">
        <v>103787</v>
      </c>
      <c r="V12" s="379">
        <v>93446</v>
      </c>
      <c r="W12" s="320">
        <v>174387</v>
      </c>
      <c r="X12" s="304">
        <v>91571</v>
      </c>
      <c r="Y12" s="379">
        <v>82816</v>
      </c>
    </row>
    <row r="13" spans="1:25" ht="20.25" customHeight="1">
      <c r="A13" s="1038"/>
      <c r="B13" s="377">
        <v>1016426</v>
      </c>
      <c r="C13" s="380" t="s">
        <v>523</v>
      </c>
      <c r="D13" s="1040"/>
      <c r="E13" s="320">
        <v>4249</v>
      </c>
      <c r="F13" s="320">
        <v>2023</v>
      </c>
      <c r="G13" s="320">
        <v>2226</v>
      </c>
      <c r="H13" s="320">
        <v>-458</v>
      </c>
      <c r="I13" s="320">
        <v>-299</v>
      </c>
      <c r="J13" s="320">
        <v>-159</v>
      </c>
      <c r="K13" s="320" t="s">
        <v>72</v>
      </c>
      <c r="L13" s="304" t="s">
        <v>72</v>
      </c>
      <c r="M13" s="304" t="s">
        <v>72</v>
      </c>
      <c r="N13" s="320">
        <v>458</v>
      </c>
      <c r="O13" s="320">
        <v>299</v>
      </c>
      <c r="P13" s="320">
        <v>159</v>
      </c>
      <c r="Q13" s="320">
        <v>4707</v>
      </c>
      <c r="R13" s="320">
        <v>2322</v>
      </c>
      <c r="S13" s="320">
        <v>2385</v>
      </c>
      <c r="T13" s="320">
        <v>116778</v>
      </c>
      <c r="U13" s="304">
        <v>63845</v>
      </c>
      <c r="V13" s="379">
        <v>52933</v>
      </c>
      <c r="W13" s="320">
        <v>112071</v>
      </c>
      <c r="X13" s="304">
        <v>61523</v>
      </c>
      <c r="Y13" s="379">
        <v>50548</v>
      </c>
    </row>
    <row r="14" spans="1:25" ht="20.25" customHeight="1">
      <c r="A14" s="1038"/>
      <c r="B14" s="355">
        <v>1315285</v>
      </c>
      <c r="C14" s="381" t="s">
        <v>524</v>
      </c>
      <c r="D14" s="1040"/>
      <c r="E14" s="323">
        <v>225</v>
      </c>
      <c r="F14" s="323">
        <v>-371</v>
      </c>
      <c r="G14" s="323">
        <v>596</v>
      </c>
      <c r="H14" s="307">
        <v>-1499</v>
      </c>
      <c r="I14" s="323">
        <v>-938</v>
      </c>
      <c r="J14" s="323">
        <v>-561</v>
      </c>
      <c r="K14" s="307" t="s">
        <v>72</v>
      </c>
      <c r="L14" s="307" t="s">
        <v>72</v>
      </c>
      <c r="M14" s="307" t="s">
        <v>72</v>
      </c>
      <c r="N14" s="323">
        <v>1499</v>
      </c>
      <c r="O14" s="323">
        <v>938</v>
      </c>
      <c r="P14" s="323">
        <v>561</v>
      </c>
      <c r="Q14" s="323">
        <v>1724</v>
      </c>
      <c r="R14" s="323">
        <v>567</v>
      </c>
      <c r="S14" s="323">
        <v>1157</v>
      </c>
      <c r="T14" s="323">
        <v>52086</v>
      </c>
      <c r="U14" s="307">
        <v>29702</v>
      </c>
      <c r="V14" s="369">
        <v>22384</v>
      </c>
      <c r="W14" s="323">
        <v>50362</v>
      </c>
      <c r="X14" s="307">
        <v>29135</v>
      </c>
      <c r="Y14" s="369">
        <v>21227</v>
      </c>
    </row>
    <row r="15" spans="1:25" ht="20.25" customHeight="1">
      <c r="A15" s="1038"/>
      <c r="B15" s="377">
        <v>1404065</v>
      </c>
      <c r="C15" s="380" t="s">
        <v>525</v>
      </c>
      <c r="D15" s="1040"/>
      <c r="E15" s="320">
        <v>-3970</v>
      </c>
      <c r="F15" s="320">
        <v>-2985</v>
      </c>
      <c r="G15" s="320">
        <v>-985</v>
      </c>
      <c r="H15" s="320">
        <v>-3899</v>
      </c>
      <c r="I15" s="320">
        <v>-2561</v>
      </c>
      <c r="J15" s="320">
        <v>-1338</v>
      </c>
      <c r="K15" s="320" t="s">
        <v>72</v>
      </c>
      <c r="L15" s="304" t="s">
        <v>72</v>
      </c>
      <c r="M15" s="304" t="s">
        <v>72</v>
      </c>
      <c r="N15" s="320">
        <v>3899</v>
      </c>
      <c r="O15" s="320">
        <v>2561</v>
      </c>
      <c r="P15" s="320">
        <v>1338</v>
      </c>
      <c r="Q15" s="320">
        <v>-71</v>
      </c>
      <c r="R15" s="320">
        <v>-424</v>
      </c>
      <c r="S15" s="320">
        <v>353</v>
      </c>
      <c r="T15" s="320">
        <v>34360</v>
      </c>
      <c r="U15" s="304">
        <v>19166</v>
      </c>
      <c r="V15" s="379">
        <v>15194</v>
      </c>
      <c r="W15" s="320">
        <v>34431</v>
      </c>
      <c r="X15" s="304">
        <v>19590</v>
      </c>
      <c r="Y15" s="379">
        <v>14841</v>
      </c>
    </row>
    <row r="16" spans="1:25" ht="20.25" customHeight="1">
      <c r="A16" s="1038"/>
      <c r="B16" s="377">
        <v>977593</v>
      </c>
      <c r="C16" s="380" t="s">
        <v>526</v>
      </c>
      <c r="D16" s="1040"/>
      <c r="E16" s="320">
        <v>-8118</v>
      </c>
      <c r="F16" s="320">
        <v>-5743</v>
      </c>
      <c r="G16" s="320">
        <v>-2375</v>
      </c>
      <c r="H16" s="320">
        <v>-6946</v>
      </c>
      <c r="I16" s="320">
        <v>-4799</v>
      </c>
      <c r="J16" s="320">
        <v>-2147</v>
      </c>
      <c r="K16" s="320" t="s">
        <v>72</v>
      </c>
      <c r="L16" s="304" t="s">
        <v>72</v>
      </c>
      <c r="M16" s="304" t="s">
        <v>72</v>
      </c>
      <c r="N16" s="320">
        <v>6946</v>
      </c>
      <c r="O16" s="320">
        <v>4799</v>
      </c>
      <c r="P16" s="320">
        <v>2147</v>
      </c>
      <c r="Q16" s="320">
        <v>-1172</v>
      </c>
      <c r="R16" s="320">
        <v>-944</v>
      </c>
      <c r="S16" s="320">
        <v>-228</v>
      </c>
      <c r="T16" s="320">
        <v>16774</v>
      </c>
      <c r="U16" s="304">
        <v>9469</v>
      </c>
      <c r="V16" s="379">
        <v>7305</v>
      </c>
      <c r="W16" s="320">
        <v>17946</v>
      </c>
      <c r="X16" s="304">
        <v>10413</v>
      </c>
      <c r="Y16" s="379">
        <v>7533</v>
      </c>
    </row>
    <row r="17" spans="1:25" ht="20.25" customHeight="1">
      <c r="A17" s="1038"/>
      <c r="B17" s="377">
        <v>1068153</v>
      </c>
      <c r="C17" s="380" t="s">
        <v>527</v>
      </c>
      <c r="D17" s="1040"/>
      <c r="E17" s="320">
        <v>-19805</v>
      </c>
      <c r="F17" s="320">
        <v>-13475</v>
      </c>
      <c r="G17" s="320">
        <v>-6330</v>
      </c>
      <c r="H17" s="320">
        <v>-19988</v>
      </c>
      <c r="I17" s="320">
        <v>-13366</v>
      </c>
      <c r="J17" s="320">
        <v>-6622</v>
      </c>
      <c r="K17" s="320" t="s">
        <v>72</v>
      </c>
      <c r="L17" s="304" t="s">
        <v>72</v>
      </c>
      <c r="M17" s="304" t="s">
        <v>72</v>
      </c>
      <c r="N17" s="320">
        <v>19988</v>
      </c>
      <c r="O17" s="320">
        <v>13366</v>
      </c>
      <c r="P17" s="320">
        <v>6622</v>
      </c>
      <c r="Q17" s="320">
        <v>183</v>
      </c>
      <c r="R17" s="320">
        <v>-109</v>
      </c>
      <c r="S17" s="320">
        <v>292</v>
      </c>
      <c r="T17" s="320">
        <v>12138</v>
      </c>
      <c r="U17" s="304">
        <v>5875</v>
      </c>
      <c r="V17" s="379">
        <v>6263</v>
      </c>
      <c r="W17" s="320">
        <v>11955</v>
      </c>
      <c r="X17" s="304">
        <v>5984</v>
      </c>
      <c r="Y17" s="379">
        <v>5971</v>
      </c>
    </row>
    <row r="18" spans="1:25" ht="20.25" customHeight="1">
      <c r="A18" s="1038"/>
      <c r="B18" s="377">
        <v>641558</v>
      </c>
      <c r="C18" s="380" t="s">
        <v>528</v>
      </c>
      <c r="D18" s="1040"/>
      <c r="E18" s="320">
        <v>-35203</v>
      </c>
      <c r="F18" s="320">
        <v>-19934</v>
      </c>
      <c r="G18" s="320">
        <v>-15269</v>
      </c>
      <c r="H18" s="320">
        <v>-36586</v>
      </c>
      <c r="I18" s="320">
        <v>-20296</v>
      </c>
      <c r="J18" s="320">
        <v>-16290</v>
      </c>
      <c r="K18" s="320" t="s">
        <v>72</v>
      </c>
      <c r="L18" s="304" t="s">
        <v>72</v>
      </c>
      <c r="M18" s="304" t="s">
        <v>72</v>
      </c>
      <c r="N18" s="320">
        <v>36586</v>
      </c>
      <c r="O18" s="320">
        <v>20296</v>
      </c>
      <c r="P18" s="320">
        <v>16290</v>
      </c>
      <c r="Q18" s="320">
        <v>1383</v>
      </c>
      <c r="R18" s="320">
        <v>362</v>
      </c>
      <c r="S18" s="320">
        <v>1021</v>
      </c>
      <c r="T18" s="320">
        <v>9710</v>
      </c>
      <c r="U18" s="304">
        <v>3238</v>
      </c>
      <c r="V18" s="379">
        <v>6472</v>
      </c>
      <c r="W18" s="320">
        <v>8327</v>
      </c>
      <c r="X18" s="304">
        <v>2876</v>
      </c>
      <c r="Y18" s="379">
        <v>5451</v>
      </c>
    </row>
    <row r="19" spans="1:25" ht="20.25" customHeight="1">
      <c r="A19" s="1038"/>
      <c r="B19" s="355">
        <v>148782</v>
      </c>
      <c r="C19" s="381" t="s">
        <v>529</v>
      </c>
      <c r="D19" s="1040"/>
      <c r="E19" s="323">
        <v>-26196</v>
      </c>
      <c r="F19" s="323">
        <v>-9610</v>
      </c>
      <c r="G19" s="323">
        <v>-16586</v>
      </c>
      <c r="H19" s="323">
        <v>-26677</v>
      </c>
      <c r="I19" s="323">
        <v>-9724</v>
      </c>
      <c r="J19" s="323">
        <v>-16953</v>
      </c>
      <c r="K19" s="323" t="s">
        <v>72</v>
      </c>
      <c r="L19" s="307" t="s">
        <v>72</v>
      </c>
      <c r="M19" s="307" t="s">
        <v>72</v>
      </c>
      <c r="N19" s="323">
        <v>26677</v>
      </c>
      <c r="O19" s="323">
        <v>9724</v>
      </c>
      <c r="P19" s="323">
        <v>16953</v>
      </c>
      <c r="Q19" s="323">
        <v>481</v>
      </c>
      <c r="R19" s="323">
        <v>114</v>
      </c>
      <c r="S19" s="323">
        <v>367</v>
      </c>
      <c r="T19" s="323">
        <v>3172</v>
      </c>
      <c r="U19" s="307">
        <v>841</v>
      </c>
      <c r="V19" s="369">
        <v>2331</v>
      </c>
      <c r="W19" s="323">
        <v>2691</v>
      </c>
      <c r="X19" s="307">
        <v>727</v>
      </c>
      <c r="Y19" s="369">
        <v>1964</v>
      </c>
    </row>
    <row r="20" spans="1:25" ht="20.25" customHeight="1" thickBot="1">
      <c r="A20" s="1039"/>
      <c r="B20" s="881">
        <v>5034</v>
      </c>
      <c r="C20" s="247" t="s">
        <v>457</v>
      </c>
      <c r="D20" s="882"/>
      <c r="E20" s="883">
        <v>-2385</v>
      </c>
      <c r="F20" s="883">
        <v>-372</v>
      </c>
      <c r="G20" s="883">
        <v>-2013</v>
      </c>
      <c r="H20" s="884">
        <v>-2397</v>
      </c>
      <c r="I20" s="883">
        <v>-376</v>
      </c>
      <c r="J20" s="883">
        <v>-2021</v>
      </c>
      <c r="K20" s="884" t="s">
        <v>72</v>
      </c>
      <c r="L20" s="884" t="s">
        <v>72</v>
      </c>
      <c r="M20" s="884" t="s">
        <v>72</v>
      </c>
      <c r="N20" s="883">
        <v>2397</v>
      </c>
      <c r="O20" s="883">
        <v>376</v>
      </c>
      <c r="P20" s="883">
        <v>2021</v>
      </c>
      <c r="Q20" s="883">
        <v>12</v>
      </c>
      <c r="R20" s="883">
        <v>4</v>
      </c>
      <c r="S20" s="883">
        <v>8</v>
      </c>
      <c r="T20" s="883">
        <v>89</v>
      </c>
      <c r="U20" s="884">
        <v>16</v>
      </c>
      <c r="V20" s="885">
        <v>73</v>
      </c>
      <c r="W20" s="883">
        <v>77</v>
      </c>
      <c r="X20" s="884">
        <v>12</v>
      </c>
      <c r="Y20" s="885">
        <v>65</v>
      </c>
    </row>
    <row r="21" spans="1:25" ht="20.25" customHeight="1" thickTop="1">
      <c r="A21" s="371"/>
      <c r="B21" s="481" t="s">
        <v>192</v>
      </c>
      <c r="C21" s="239"/>
      <c r="D21" s="477"/>
      <c r="E21" s="482" t="s">
        <v>192</v>
      </c>
      <c r="F21" s="482" t="s">
        <v>192</v>
      </c>
      <c r="G21" s="483" t="s">
        <v>192</v>
      </c>
      <c r="H21" s="484" t="s">
        <v>192</v>
      </c>
      <c r="I21" s="482" t="s">
        <v>192</v>
      </c>
      <c r="J21" s="483" t="s">
        <v>192</v>
      </c>
      <c r="K21" s="484" t="s">
        <v>192</v>
      </c>
      <c r="L21" s="482" t="s">
        <v>192</v>
      </c>
      <c r="M21" s="482" t="s">
        <v>192</v>
      </c>
      <c r="N21" s="484" t="s">
        <v>192</v>
      </c>
      <c r="O21" s="484" t="s">
        <v>192</v>
      </c>
      <c r="P21" s="484" t="s">
        <v>192</v>
      </c>
      <c r="Q21" s="482" t="s">
        <v>192</v>
      </c>
      <c r="R21" s="482" t="s">
        <v>192</v>
      </c>
      <c r="S21" s="483" t="s">
        <v>192</v>
      </c>
      <c r="T21" s="484" t="s">
        <v>192</v>
      </c>
      <c r="U21" s="482" t="s">
        <v>192</v>
      </c>
      <c r="V21" s="887" t="s">
        <v>192</v>
      </c>
      <c r="W21" s="484" t="s">
        <v>192</v>
      </c>
      <c r="X21" s="482" t="s">
        <v>192</v>
      </c>
      <c r="Y21" s="483" t="s">
        <v>192</v>
      </c>
    </row>
    <row r="22" spans="1:25" ht="20.25" customHeight="1">
      <c r="A22" s="364"/>
      <c r="B22" s="372">
        <v>9231177</v>
      </c>
      <c r="C22" s="365" t="s">
        <v>194</v>
      </c>
      <c r="D22" s="366"/>
      <c r="E22" s="373">
        <v>-5160</v>
      </c>
      <c r="F22" s="374">
        <v>-6996</v>
      </c>
      <c r="G22" s="375">
        <v>1836</v>
      </c>
      <c r="H22" s="373">
        <v>-29983</v>
      </c>
      <c r="I22" s="374">
        <v>-17079</v>
      </c>
      <c r="J22" s="376">
        <v>-12904</v>
      </c>
      <c r="K22" s="373">
        <v>60549</v>
      </c>
      <c r="L22" s="374">
        <v>31060</v>
      </c>
      <c r="M22" s="376">
        <v>29489</v>
      </c>
      <c r="N22" s="375">
        <v>90532</v>
      </c>
      <c r="O22" s="373">
        <v>48139</v>
      </c>
      <c r="P22" s="373">
        <v>42393</v>
      </c>
      <c r="Q22" s="373">
        <v>24823</v>
      </c>
      <c r="R22" s="374">
        <v>10083</v>
      </c>
      <c r="S22" s="376">
        <v>14740</v>
      </c>
      <c r="T22" s="375">
        <v>488358</v>
      </c>
      <c r="U22" s="374">
        <v>259380</v>
      </c>
      <c r="V22" s="376">
        <v>228978</v>
      </c>
      <c r="W22" s="373">
        <v>463535</v>
      </c>
      <c r="X22" s="374">
        <v>249297</v>
      </c>
      <c r="Y22" s="375">
        <v>214238</v>
      </c>
    </row>
    <row r="23" spans="1:25" ht="12.75" customHeight="1">
      <c r="A23" s="371"/>
      <c r="B23" s="355"/>
      <c r="C23" s="341"/>
      <c r="D23" s="368"/>
      <c r="E23" s="323"/>
      <c r="F23" s="307"/>
      <c r="G23" s="369"/>
      <c r="H23" s="323"/>
      <c r="I23" s="307"/>
      <c r="J23" s="324"/>
      <c r="K23" s="323"/>
      <c r="L23" s="307"/>
      <c r="M23" s="324"/>
      <c r="N23" s="369"/>
      <c r="O23" s="323"/>
      <c r="P23" s="307"/>
      <c r="Q23" s="323"/>
      <c r="R23" s="307"/>
      <c r="S23" s="307"/>
      <c r="T23" s="369"/>
      <c r="U23" s="307"/>
      <c r="V23" s="369"/>
      <c r="W23" s="323"/>
      <c r="X23" s="307"/>
      <c r="Y23" s="369"/>
    </row>
    <row r="24" spans="1:25" ht="20.25" customHeight="1">
      <c r="A24" s="364" t="s">
        <v>530</v>
      </c>
      <c r="B24" s="377">
        <v>682408</v>
      </c>
      <c r="C24" s="378" t="s">
        <v>518</v>
      </c>
      <c r="D24" s="366" t="s">
        <v>530</v>
      </c>
      <c r="E24" s="320">
        <v>60993</v>
      </c>
      <c r="F24" s="320">
        <v>31168</v>
      </c>
      <c r="G24" s="320">
        <v>29825</v>
      </c>
      <c r="H24" s="320">
        <v>60408</v>
      </c>
      <c r="I24" s="320">
        <v>30991</v>
      </c>
      <c r="J24" s="320">
        <v>29417</v>
      </c>
      <c r="K24" s="320">
        <v>60549</v>
      </c>
      <c r="L24" s="304">
        <v>31060</v>
      </c>
      <c r="M24" s="304">
        <v>29489</v>
      </c>
      <c r="N24" s="320">
        <v>141</v>
      </c>
      <c r="O24" s="320">
        <v>69</v>
      </c>
      <c r="P24" s="320">
        <v>72</v>
      </c>
      <c r="Q24" s="320">
        <v>585</v>
      </c>
      <c r="R24" s="320">
        <v>177</v>
      </c>
      <c r="S24" s="320">
        <v>408</v>
      </c>
      <c r="T24" s="320">
        <v>36833</v>
      </c>
      <c r="U24" s="304">
        <v>18773</v>
      </c>
      <c r="V24" s="379">
        <v>18060</v>
      </c>
      <c r="W24" s="320">
        <v>36248</v>
      </c>
      <c r="X24" s="304">
        <v>18596</v>
      </c>
      <c r="Y24" s="379">
        <v>17652</v>
      </c>
    </row>
    <row r="25" spans="1:25" ht="20.25" customHeight="1">
      <c r="A25" s="370"/>
      <c r="B25" s="377">
        <v>782240</v>
      </c>
      <c r="C25" s="380" t="s">
        <v>520</v>
      </c>
      <c r="D25" s="480"/>
      <c r="E25" s="320">
        <v>5326</v>
      </c>
      <c r="F25" s="320">
        <v>2945</v>
      </c>
      <c r="G25" s="320">
        <v>2381</v>
      </c>
      <c r="H25" s="320">
        <v>-122</v>
      </c>
      <c r="I25" s="320">
        <v>-78</v>
      </c>
      <c r="J25" s="320">
        <v>-44</v>
      </c>
      <c r="K25" s="320" t="s">
        <v>72</v>
      </c>
      <c r="L25" s="304" t="s">
        <v>72</v>
      </c>
      <c r="M25" s="304" t="s">
        <v>72</v>
      </c>
      <c r="N25" s="320">
        <v>122</v>
      </c>
      <c r="O25" s="320">
        <v>78</v>
      </c>
      <c r="P25" s="320">
        <v>44</v>
      </c>
      <c r="Q25" s="320">
        <v>5448</v>
      </c>
      <c r="R25" s="320">
        <v>3023</v>
      </c>
      <c r="S25" s="320">
        <v>2425</v>
      </c>
      <c r="T25" s="320">
        <v>24082</v>
      </c>
      <c r="U25" s="304">
        <v>13277</v>
      </c>
      <c r="V25" s="379">
        <v>10805</v>
      </c>
      <c r="W25" s="320">
        <v>18634</v>
      </c>
      <c r="X25" s="304">
        <v>10254</v>
      </c>
      <c r="Y25" s="379">
        <v>8380</v>
      </c>
    </row>
    <row r="26" spans="1:25" ht="20.25" customHeight="1">
      <c r="A26" s="1038" t="s">
        <v>461</v>
      </c>
      <c r="B26" s="377">
        <v>978913</v>
      </c>
      <c r="C26" s="380" t="s">
        <v>521</v>
      </c>
      <c r="D26" s="1040" t="s">
        <v>531</v>
      </c>
      <c r="E26" s="320">
        <v>14364</v>
      </c>
      <c r="F26" s="320">
        <v>6352</v>
      </c>
      <c r="G26" s="320">
        <v>8012</v>
      </c>
      <c r="H26" s="320">
        <v>-292</v>
      </c>
      <c r="I26" s="320">
        <v>-197</v>
      </c>
      <c r="J26" s="320">
        <v>-95</v>
      </c>
      <c r="K26" s="320" t="s">
        <v>72</v>
      </c>
      <c r="L26" s="304" t="s">
        <v>72</v>
      </c>
      <c r="M26" s="304" t="s">
        <v>72</v>
      </c>
      <c r="N26" s="320">
        <v>292</v>
      </c>
      <c r="O26" s="320">
        <v>197</v>
      </c>
      <c r="P26" s="320">
        <v>95</v>
      </c>
      <c r="Q26" s="320">
        <v>14656</v>
      </c>
      <c r="R26" s="320">
        <v>6549</v>
      </c>
      <c r="S26" s="320">
        <v>8107</v>
      </c>
      <c r="T26" s="320">
        <v>186634</v>
      </c>
      <c r="U26" s="304">
        <v>97133</v>
      </c>
      <c r="V26" s="379">
        <v>89501</v>
      </c>
      <c r="W26" s="320">
        <v>171978</v>
      </c>
      <c r="X26" s="304">
        <v>90584</v>
      </c>
      <c r="Y26" s="379">
        <v>81394</v>
      </c>
    </row>
    <row r="27" spans="1:25" ht="20.25" customHeight="1">
      <c r="A27" s="1038"/>
      <c r="B27" s="377">
        <v>1030414</v>
      </c>
      <c r="C27" s="380" t="s">
        <v>523</v>
      </c>
      <c r="D27" s="1040"/>
      <c r="E27" s="320">
        <v>2656</v>
      </c>
      <c r="F27" s="320">
        <v>968</v>
      </c>
      <c r="G27" s="320">
        <v>1688</v>
      </c>
      <c r="H27" s="320">
        <v>-555</v>
      </c>
      <c r="I27" s="320">
        <v>-357</v>
      </c>
      <c r="J27" s="320">
        <v>-198</v>
      </c>
      <c r="K27" s="320" t="s">
        <v>72</v>
      </c>
      <c r="L27" s="304" t="s">
        <v>72</v>
      </c>
      <c r="M27" s="304" t="s">
        <v>72</v>
      </c>
      <c r="N27" s="320">
        <v>555</v>
      </c>
      <c r="O27" s="320">
        <v>357</v>
      </c>
      <c r="P27" s="320">
        <v>198</v>
      </c>
      <c r="Q27" s="320">
        <v>3211</v>
      </c>
      <c r="R27" s="320">
        <v>1325</v>
      </c>
      <c r="S27" s="320">
        <v>1886</v>
      </c>
      <c r="T27" s="320">
        <v>114794</v>
      </c>
      <c r="U27" s="304">
        <v>62709</v>
      </c>
      <c r="V27" s="379">
        <v>52085</v>
      </c>
      <c r="W27" s="320">
        <v>111583</v>
      </c>
      <c r="X27" s="304">
        <v>61384</v>
      </c>
      <c r="Y27" s="379">
        <v>50199</v>
      </c>
    </row>
    <row r="28" spans="1:25" ht="20.25" customHeight="1">
      <c r="A28" s="1038"/>
      <c r="B28" s="355">
        <v>1359787</v>
      </c>
      <c r="C28" s="381" t="s">
        <v>524</v>
      </c>
      <c r="D28" s="1040"/>
      <c r="E28" s="323">
        <v>80</v>
      </c>
      <c r="F28" s="323">
        <v>-520</v>
      </c>
      <c r="G28" s="323">
        <v>600</v>
      </c>
      <c r="H28" s="307">
        <v>-1466</v>
      </c>
      <c r="I28" s="323">
        <v>-921</v>
      </c>
      <c r="J28" s="323">
        <v>-545</v>
      </c>
      <c r="K28" s="307" t="s">
        <v>72</v>
      </c>
      <c r="L28" s="307" t="s">
        <v>72</v>
      </c>
      <c r="M28" s="307" t="s">
        <v>72</v>
      </c>
      <c r="N28" s="323">
        <v>1466</v>
      </c>
      <c r="O28" s="323">
        <v>921</v>
      </c>
      <c r="P28" s="323">
        <v>545</v>
      </c>
      <c r="Q28" s="323">
        <v>1546</v>
      </c>
      <c r="R28" s="323">
        <v>401</v>
      </c>
      <c r="S28" s="323">
        <v>1145</v>
      </c>
      <c r="T28" s="323">
        <v>52576</v>
      </c>
      <c r="U28" s="307">
        <v>30018</v>
      </c>
      <c r="V28" s="369">
        <v>22558</v>
      </c>
      <c r="W28" s="323">
        <v>51030</v>
      </c>
      <c r="X28" s="307">
        <v>29617</v>
      </c>
      <c r="Y28" s="369">
        <v>21413</v>
      </c>
    </row>
    <row r="29" spans="1:25" ht="20.25" customHeight="1">
      <c r="A29" s="1038"/>
      <c r="B29" s="377">
        <v>1362218</v>
      </c>
      <c r="C29" s="380" t="s">
        <v>525</v>
      </c>
      <c r="D29" s="1040"/>
      <c r="E29" s="320">
        <v>-3814</v>
      </c>
      <c r="F29" s="320">
        <v>-2641</v>
      </c>
      <c r="G29" s="320">
        <v>-1173</v>
      </c>
      <c r="H29" s="320">
        <v>-3774</v>
      </c>
      <c r="I29" s="320">
        <v>-2498</v>
      </c>
      <c r="J29" s="320">
        <v>-1276</v>
      </c>
      <c r="K29" s="320" t="s">
        <v>72</v>
      </c>
      <c r="L29" s="304" t="s">
        <v>72</v>
      </c>
      <c r="M29" s="304" t="s">
        <v>72</v>
      </c>
      <c r="N29" s="320">
        <v>3774</v>
      </c>
      <c r="O29" s="320">
        <v>2498</v>
      </c>
      <c r="P29" s="320">
        <v>1276</v>
      </c>
      <c r="Q29" s="320">
        <v>-40</v>
      </c>
      <c r="R29" s="320">
        <v>-143</v>
      </c>
      <c r="S29" s="320">
        <v>103</v>
      </c>
      <c r="T29" s="320">
        <v>33514</v>
      </c>
      <c r="U29" s="304">
        <v>19021</v>
      </c>
      <c r="V29" s="379">
        <v>14493</v>
      </c>
      <c r="W29" s="320">
        <v>33554</v>
      </c>
      <c r="X29" s="304">
        <v>19164</v>
      </c>
      <c r="Y29" s="379">
        <v>14390</v>
      </c>
    </row>
    <row r="30" spans="1:25" ht="20.25" customHeight="1">
      <c r="A30" s="1038"/>
      <c r="B30" s="377">
        <v>978449</v>
      </c>
      <c r="C30" s="380" t="s">
        <v>526</v>
      </c>
      <c r="D30" s="1040"/>
      <c r="E30" s="320">
        <v>-8502</v>
      </c>
      <c r="F30" s="320">
        <v>-5943</v>
      </c>
      <c r="G30" s="320">
        <v>-2559</v>
      </c>
      <c r="H30" s="320">
        <v>-6875</v>
      </c>
      <c r="I30" s="320">
        <v>-4792</v>
      </c>
      <c r="J30" s="320">
        <v>-2083</v>
      </c>
      <c r="K30" s="320" t="s">
        <v>72</v>
      </c>
      <c r="L30" s="304" t="s">
        <v>72</v>
      </c>
      <c r="M30" s="304" t="s">
        <v>72</v>
      </c>
      <c r="N30" s="320">
        <v>6875</v>
      </c>
      <c r="O30" s="320">
        <v>4792</v>
      </c>
      <c r="P30" s="320">
        <v>2083</v>
      </c>
      <c r="Q30" s="320">
        <v>-1627</v>
      </c>
      <c r="R30" s="320">
        <v>-1151</v>
      </c>
      <c r="S30" s="320">
        <v>-476</v>
      </c>
      <c r="T30" s="320">
        <v>16340</v>
      </c>
      <c r="U30" s="304">
        <v>9290</v>
      </c>
      <c r="V30" s="379">
        <v>7050</v>
      </c>
      <c r="W30" s="320">
        <v>17967</v>
      </c>
      <c r="X30" s="304">
        <v>10441</v>
      </c>
      <c r="Y30" s="379">
        <v>7526</v>
      </c>
    </row>
    <row r="31" spans="1:25" ht="20.25" customHeight="1">
      <c r="A31" s="1038"/>
      <c r="B31" s="377">
        <v>1078760</v>
      </c>
      <c r="C31" s="380" t="s">
        <v>527</v>
      </c>
      <c r="D31" s="1040"/>
      <c r="E31" s="320">
        <v>-19214</v>
      </c>
      <c r="F31" s="320">
        <v>-12803</v>
      </c>
      <c r="G31" s="320">
        <v>-6411</v>
      </c>
      <c r="H31" s="320">
        <v>-19019</v>
      </c>
      <c r="I31" s="320">
        <v>-12518</v>
      </c>
      <c r="J31" s="320">
        <v>-6501</v>
      </c>
      <c r="K31" s="320" t="s">
        <v>72</v>
      </c>
      <c r="L31" s="304" t="s">
        <v>72</v>
      </c>
      <c r="M31" s="304" t="s">
        <v>72</v>
      </c>
      <c r="N31" s="320">
        <v>19019</v>
      </c>
      <c r="O31" s="320">
        <v>12518</v>
      </c>
      <c r="P31" s="320">
        <v>6501</v>
      </c>
      <c r="Q31" s="320">
        <v>-195</v>
      </c>
      <c r="R31" s="320">
        <v>-285</v>
      </c>
      <c r="S31" s="320">
        <v>90</v>
      </c>
      <c r="T31" s="320">
        <v>11725</v>
      </c>
      <c r="U31" s="304">
        <v>5545</v>
      </c>
      <c r="V31" s="379">
        <v>6180</v>
      </c>
      <c r="W31" s="320">
        <v>11920</v>
      </c>
      <c r="X31" s="304">
        <v>5830</v>
      </c>
      <c r="Y31" s="379">
        <v>6090</v>
      </c>
    </row>
    <row r="32" spans="1:25" ht="20.25" customHeight="1">
      <c r="A32" s="1038"/>
      <c r="B32" s="377">
        <v>618831</v>
      </c>
      <c r="C32" s="380" t="s">
        <v>528</v>
      </c>
      <c r="D32" s="1040"/>
      <c r="E32" s="320">
        <v>-32118</v>
      </c>
      <c r="F32" s="320">
        <v>-18128</v>
      </c>
      <c r="G32" s="320">
        <v>-13990</v>
      </c>
      <c r="H32" s="320">
        <v>-32879</v>
      </c>
      <c r="I32" s="320">
        <v>-18222</v>
      </c>
      <c r="J32" s="320">
        <v>-14657</v>
      </c>
      <c r="K32" s="320" t="s">
        <v>72</v>
      </c>
      <c r="L32" s="304" t="s">
        <v>72</v>
      </c>
      <c r="M32" s="304" t="s">
        <v>72</v>
      </c>
      <c r="N32" s="320">
        <v>32879</v>
      </c>
      <c r="O32" s="320">
        <v>18222</v>
      </c>
      <c r="P32" s="320">
        <v>14657</v>
      </c>
      <c r="Q32" s="320">
        <v>761</v>
      </c>
      <c r="R32" s="320">
        <v>94</v>
      </c>
      <c r="S32" s="320">
        <v>667</v>
      </c>
      <c r="T32" s="320">
        <v>8794</v>
      </c>
      <c r="U32" s="304">
        <v>2859</v>
      </c>
      <c r="V32" s="379">
        <v>5935</v>
      </c>
      <c r="W32" s="320">
        <v>8033</v>
      </c>
      <c r="X32" s="304">
        <v>2765</v>
      </c>
      <c r="Y32" s="379">
        <v>5268</v>
      </c>
    </row>
    <row r="33" spans="1:25" ht="20.25" customHeight="1">
      <c r="A33" s="1038"/>
      <c r="B33" s="355">
        <v>140277</v>
      </c>
      <c r="C33" s="381" t="s">
        <v>529</v>
      </c>
      <c r="D33" s="1040"/>
      <c r="E33" s="323">
        <v>-22735</v>
      </c>
      <c r="F33" s="323">
        <v>-8067</v>
      </c>
      <c r="G33" s="323">
        <v>-14668</v>
      </c>
      <c r="H33" s="323">
        <v>-23201</v>
      </c>
      <c r="I33" s="323">
        <v>-8163</v>
      </c>
      <c r="J33" s="323">
        <v>-15038</v>
      </c>
      <c r="K33" s="323" t="s">
        <v>72</v>
      </c>
      <c r="L33" s="307" t="s">
        <v>72</v>
      </c>
      <c r="M33" s="307" t="s">
        <v>72</v>
      </c>
      <c r="N33" s="323">
        <v>23201</v>
      </c>
      <c r="O33" s="323">
        <v>8163</v>
      </c>
      <c r="P33" s="323">
        <v>15038</v>
      </c>
      <c r="Q33" s="323">
        <v>466</v>
      </c>
      <c r="R33" s="323">
        <v>96</v>
      </c>
      <c r="S33" s="323">
        <v>370</v>
      </c>
      <c r="T33" s="323">
        <v>2978</v>
      </c>
      <c r="U33" s="307">
        <v>739</v>
      </c>
      <c r="V33" s="369">
        <v>2239</v>
      </c>
      <c r="W33" s="323">
        <v>2512</v>
      </c>
      <c r="X33" s="307">
        <v>643</v>
      </c>
      <c r="Y33" s="369">
        <v>1869</v>
      </c>
    </row>
    <row r="34" spans="1:25" ht="20.25" customHeight="1" thickBot="1">
      <c r="A34" s="1039"/>
      <c r="B34" s="881">
        <v>4806</v>
      </c>
      <c r="C34" s="247" t="s">
        <v>457</v>
      </c>
      <c r="D34" s="882"/>
      <c r="E34" s="883">
        <v>-2193</v>
      </c>
      <c r="F34" s="883">
        <v>-325</v>
      </c>
      <c r="G34" s="883">
        <v>-1868</v>
      </c>
      <c r="H34" s="884">
        <v>-2206</v>
      </c>
      <c r="I34" s="883">
        <v>-323</v>
      </c>
      <c r="J34" s="883">
        <v>-1883</v>
      </c>
      <c r="K34" s="884" t="s">
        <v>72</v>
      </c>
      <c r="L34" s="884" t="s">
        <v>72</v>
      </c>
      <c r="M34" s="884" t="s">
        <v>72</v>
      </c>
      <c r="N34" s="883">
        <v>2206</v>
      </c>
      <c r="O34" s="883">
        <v>323</v>
      </c>
      <c r="P34" s="883">
        <v>1883</v>
      </c>
      <c r="Q34" s="883">
        <v>13</v>
      </c>
      <c r="R34" s="883">
        <v>-2</v>
      </c>
      <c r="S34" s="883">
        <v>15</v>
      </c>
      <c r="T34" s="883">
        <v>88</v>
      </c>
      <c r="U34" s="884">
        <v>16</v>
      </c>
      <c r="V34" s="885">
        <v>72</v>
      </c>
      <c r="W34" s="883">
        <v>75</v>
      </c>
      <c r="X34" s="884">
        <v>18</v>
      </c>
      <c r="Y34" s="885">
        <v>57</v>
      </c>
    </row>
    <row r="35" spans="1:25" ht="20.25" customHeight="1" thickTop="1">
      <c r="A35" s="371"/>
      <c r="B35" s="481" t="s">
        <v>192</v>
      </c>
      <c r="C35" s="239"/>
      <c r="D35" s="477"/>
      <c r="E35" s="482" t="s">
        <v>192</v>
      </c>
      <c r="F35" s="482" t="s">
        <v>192</v>
      </c>
      <c r="G35" s="483" t="s">
        <v>192</v>
      </c>
      <c r="H35" s="484" t="s">
        <v>192</v>
      </c>
      <c r="I35" s="482" t="s">
        <v>192</v>
      </c>
      <c r="J35" s="483" t="s">
        <v>192</v>
      </c>
      <c r="K35" s="484" t="s">
        <v>192</v>
      </c>
      <c r="L35" s="482" t="s">
        <v>192</v>
      </c>
      <c r="M35" s="482" t="s">
        <v>192</v>
      </c>
      <c r="N35" s="484" t="s">
        <v>192</v>
      </c>
      <c r="O35" s="484" t="s">
        <v>192</v>
      </c>
      <c r="P35" s="484" t="s">
        <v>192</v>
      </c>
      <c r="Q35" s="482" t="s">
        <v>192</v>
      </c>
      <c r="R35" s="482" t="s">
        <v>192</v>
      </c>
      <c r="S35" s="483" t="s">
        <v>192</v>
      </c>
      <c r="T35" s="484" t="s">
        <v>192</v>
      </c>
      <c r="U35" s="482" t="s">
        <v>192</v>
      </c>
      <c r="V35" s="483" t="s">
        <v>192</v>
      </c>
      <c r="W35" s="484" t="s">
        <v>192</v>
      </c>
      <c r="X35" s="482" t="s">
        <v>192</v>
      </c>
      <c r="Y35" s="483" t="s">
        <v>192</v>
      </c>
    </row>
    <row r="36" spans="1:25" ht="20.25" customHeight="1">
      <c r="A36" s="371" t="s">
        <v>517</v>
      </c>
      <c r="B36" s="485">
        <v>-3276</v>
      </c>
      <c r="C36" s="365" t="s">
        <v>194</v>
      </c>
      <c r="D36" s="371" t="s">
        <v>517</v>
      </c>
      <c r="E36" s="373">
        <v>1884</v>
      </c>
      <c r="F36" s="373">
        <v>1911</v>
      </c>
      <c r="G36" s="373">
        <v>-27</v>
      </c>
      <c r="H36" s="373">
        <v>-10987</v>
      </c>
      <c r="I36" s="373">
        <v>-6119</v>
      </c>
      <c r="J36" s="373">
        <v>-4868</v>
      </c>
      <c r="K36" s="373">
        <v>-2431</v>
      </c>
      <c r="L36" s="373">
        <v>-1527</v>
      </c>
      <c r="M36" s="373">
        <v>-904</v>
      </c>
      <c r="N36" s="373">
        <v>8556</v>
      </c>
      <c r="O36" s="373">
        <v>4592</v>
      </c>
      <c r="P36" s="373">
        <v>3964</v>
      </c>
      <c r="Q36" s="373">
        <v>12871</v>
      </c>
      <c r="R36" s="373">
        <v>8030</v>
      </c>
      <c r="S36" s="373">
        <v>4841</v>
      </c>
      <c r="T36" s="373">
        <v>17307</v>
      </c>
      <c r="U36" s="373">
        <v>9979</v>
      </c>
      <c r="V36" s="373">
        <v>7328</v>
      </c>
      <c r="W36" s="373">
        <v>4436</v>
      </c>
      <c r="X36" s="373">
        <v>1949</v>
      </c>
      <c r="Y36" s="373">
        <v>2487</v>
      </c>
    </row>
    <row r="37" spans="1:25" ht="12.75" customHeight="1">
      <c r="A37" s="371" t="s">
        <v>532</v>
      </c>
      <c r="B37" s="382"/>
      <c r="C37" s="341"/>
      <c r="D37" s="368" t="s">
        <v>532</v>
      </c>
      <c r="E37" s="383"/>
      <c r="F37" s="383"/>
      <c r="G37" s="383"/>
      <c r="H37" s="383"/>
      <c r="I37" s="383"/>
      <c r="J37" s="383"/>
      <c r="K37" s="383"/>
      <c r="L37" s="383"/>
      <c r="M37" s="383"/>
      <c r="N37" s="383"/>
      <c r="O37" s="383"/>
      <c r="P37" s="383"/>
      <c r="Q37" s="383"/>
      <c r="R37" s="383"/>
      <c r="S37" s="383"/>
      <c r="T37" s="383"/>
      <c r="U37" s="383"/>
      <c r="V37" s="383"/>
      <c r="W37" s="383"/>
      <c r="X37" s="383"/>
      <c r="Y37" s="383"/>
    </row>
    <row r="38" spans="1:25" ht="20.25" customHeight="1">
      <c r="A38" s="371" t="s">
        <v>530</v>
      </c>
      <c r="B38" s="486">
        <v>-15822</v>
      </c>
      <c r="C38" s="378" t="s">
        <v>518</v>
      </c>
      <c r="D38" s="368" t="s">
        <v>530</v>
      </c>
      <c r="E38" s="373">
        <v>-2243</v>
      </c>
      <c r="F38" s="373">
        <v>-1347</v>
      </c>
      <c r="G38" s="373">
        <v>-896</v>
      </c>
      <c r="H38" s="373">
        <v>-2465</v>
      </c>
      <c r="I38" s="373">
        <v>-1548</v>
      </c>
      <c r="J38" s="373">
        <v>-917</v>
      </c>
      <c r="K38" s="373">
        <v>-2431</v>
      </c>
      <c r="L38" s="373">
        <v>-1527</v>
      </c>
      <c r="M38" s="373">
        <v>-904</v>
      </c>
      <c r="N38" s="373">
        <v>34</v>
      </c>
      <c r="O38" s="373">
        <v>21</v>
      </c>
      <c r="P38" s="373">
        <v>13</v>
      </c>
      <c r="Q38" s="373">
        <v>222</v>
      </c>
      <c r="R38" s="373">
        <v>201</v>
      </c>
      <c r="S38" s="373">
        <v>21</v>
      </c>
      <c r="T38" s="373">
        <v>648</v>
      </c>
      <c r="U38" s="373">
        <v>545</v>
      </c>
      <c r="V38" s="373">
        <v>103</v>
      </c>
      <c r="W38" s="373">
        <v>426</v>
      </c>
      <c r="X38" s="373">
        <v>344</v>
      </c>
      <c r="Y38" s="373">
        <v>82</v>
      </c>
    </row>
    <row r="39" spans="1:25" ht="20.25" customHeight="1">
      <c r="A39" s="1038" t="s">
        <v>533</v>
      </c>
      <c r="B39" s="486">
        <v>-4276</v>
      </c>
      <c r="C39" s="380" t="s">
        <v>520</v>
      </c>
      <c r="D39" s="1040" t="s">
        <v>534</v>
      </c>
      <c r="E39" s="373">
        <v>1372</v>
      </c>
      <c r="F39" s="373">
        <v>626</v>
      </c>
      <c r="G39" s="373">
        <v>746</v>
      </c>
      <c r="H39" s="373">
        <v>25</v>
      </c>
      <c r="I39" s="373">
        <v>21</v>
      </c>
      <c r="J39" s="373">
        <v>4</v>
      </c>
      <c r="K39" s="373" t="s">
        <v>72</v>
      </c>
      <c r="L39" s="373" t="s">
        <v>72</v>
      </c>
      <c r="M39" s="373" t="s">
        <v>72</v>
      </c>
      <c r="N39" s="373">
        <v>-25</v>
      </c>
      <c r="O39" s="373">
        <v>-21</v>
      </c>
      <c r="P39" s="373">
        <v>-4</v>
      </c>
      <c r="Q39" s="373">
        <v>1347</v>
      </c>
      <c r="R39" s="373">
        <v>605</v>
      </c>
      <c r="S39" s="373">
        <v>742</v>
      </c>
      <c r="T39" s="373">
        <v>1762</v>
      </c>
      <c r="U39" s="373">
        <v>825</v>
      </c>
      <c r="V39" s="373">
        <v>937</v>
      </c>
      <c r="W39" s="373">
        <v>415</v>
      </c>
      <c r="X39" s="373">
        <v>220</v>
      </c>
      <c r="Y39" s="373">
        <v>195</v>
      </c>
    </row>
    <row r="40" spans="1:25" ht="20.25" customHeight="1">
      <c r="A40" s="1038"/>
      <c r="B40" s="486">
        <v>13472</v>
      </c>
      <c r="C40" s="380" t="s">
        <v>521</v>
      </c>
      <c r="D40" s="1040"/>
      <c r="E40" s="373">
        <v>8119</v>
      </c>
      <c r="F40" s="373">
        <v>5641</v>
      </c>
      <c r="G40" s="373">
        <v>2478</v>
      </c>
      <c r="H40" s="373">
        <v>-71</v>
      </c>
      <c r="I40" s="373">
        <v>-26</v>
      </c>
      <c r="J40" s="373">
        <v>-45</v>
      </c>
      <c r="K40" s="373" t="s">
        <v>72</v>
      </c>
      <c r="L40" s="373" t="s">
        <v>72</v>
      </c>
      <c r="M40" s="373" t="s">
        <v>72</v>
      </c>
      <c r="N40" s="373">
        <v>71</v>
      </c>
      <c r="O40" s="373">
        <v>26</v>
      </c>
      <c r="P40" s="373">
        <v>45</v>
      </c>
      <c r="Q40" s="373">
        <v>8190</v>
      </c>
      <c r="R40" s="373">
        <v>5667</v>
      </c>
      <c r="S40" s="373">
        <v>2523</v>
      </c>
      <c r="T40" s="373">
        <v>10599</v>
      </c>
      <c r="U40" s="373">
        <v>6654</v>
      </c>
      <c r="V40" s="373">
        <v>3945</v>
      </c>
      <c r="W40" s="373">
        <v>2409</v>
      </c>
      <c r="X40" s="373">
        <v>987</v>
      </c>
      <c r="Y40" s="373">
        <v>1422</v>
      </c>
    </row>
    <row r="41" spans="1:25" ht="20.25" customHeight="1">
      <c r="A41" s="1038"/>
      <c r="B41" s="486">
        <v>-13988</v>
      </c>
      <c r="C41" s="380" t="s">
        <v>523</v>
      </c>
      <c r="D41" s="1040"/>
      <c r="E41" s="373">
        <v>1593</v>
      </c>
      <c r="F41" s="373">
        <v>1055</v>
      </c>
      <c r="G41" s="373">
        <v>538</v>
      </c>
      <c r="H41" s="373">
        <v>97</v>
      </c>
      <c r="I41" s="373">
        <v>58</v>
      </c>
      <c r="J41" s="373">
        <v>39</v>
      </c>
      <c r="K41" s="373" t="s">
        <v>72</v>
      </c>
      <c r="L41" s="373" t="s">
        <v>72</v>
      </c>
      <c r="M41" s="373" t="s">
        <v>72</v>
      </c>
      <c r="N41" s="373">
        <v>-97</v>
      </c>
      <c r="O41" s="373">
        <v>-58</v>
      </c>
      <c r="P41" s="373">
        <v>-39</v>
      </c>
      <c r="Q41" s="373">
        <v>1496</v>
      </c>
      <c r="R41" s="373">
        <v>997</v>
      </c>
      <c r="S41" s="373">
        <v>499</v>
      </c>
      <c r="T41" s="373">
        <v>1984</v>
      </c>
      <c r="U41" s="373">
        <v>1136</v>
      </c>
      <c r="V41" s="373">
        <v>848</v>
      </c>
      <c r="W41" s="373">
        <v>488</v>
      </c>
      <c r="X41" s="373">
        <v>139</v>
      </c>
      <c r="Y41" s="373">
        <v>349</v>
      </c>
    </row>
    <row r="42" spans="1:25" ht="20.25" customHeight="1">
      <c r="A42" s="1038"/>
      <c r="B42" s="486">
        <v>-44502</v>
      </c>
      <c r="C42" s="381" t="s">
        <v>524</v>
      </c>
      <c r="D42" s="1040"/>
      <c r="E42" s="383">
        <v>145</v>
      </c>
      <c r="F42" s="383">
        <v>149</v>
      </c>
      <c r="G42" s="383">
        <v>-4</v>
      </c>
      <c r="H42" s="383">
        <v>-33</v>
      </c>
      <c r="I42" s="383">
        <v>-17</v>
      </c>
      <c r="J42" s="383">
        <v>-16</v>
      </c>
      <c r="K42" s="383" t="s">
        <v>72</v>
      </c>
      <c r="L42" s="383" t="s">
        <v>72</v>
      </c>
      <c r="M42" s="383" t="s">
        <v>72</v>
      </c>
      <c r="N42" s="383">
        <v>33</v>
      </c>
      <c r="O42" s="383">
        <v>17</v>
      </c>
      <c r="P42" s="383">
        <v>16</v>
      </c>
      <c r="Q42" s="383">
        <v>178</v>
      </c>
      <c r="R42" s="383">
        <v>166</v>
      </c>
      <c r="S42" s="383">
        <v>12</v>
      </c>
      <c r="T42" s="383">
        <v>-490</v>
      </c>
      <c r="U42" s="383">
        <v>-316</v>
      </c>
      <c r="V42" s="383">
        <v>-174</v>
      </c>
      <c r="W42" s="383">
        <v>-668</v>
      </c>
      <c r="X42" s="383">
        <v>-482</v>
      </c>
      <c r="Y42" s="383">
        <v>-186</v>
      </c>
    </row>
    <row r="43" spans="1:25" ht="20.25" customHeight="1">
      <c r="A43" s="1038"/>
      <c r="B43" s="487">
        <v>41847</v>
      </c>
      <c r="C43" s="380" t="s">
        <v>525</v>
      </c>
      <c r="D43" s="1040"/>
      <c r="E43" s="373">
        <v>-156</v>
      </c>
      <c r="F43" s="373">
        <v>-344</v>
      </c>
      <c r="G43" s="373">
        <v>188</v>
      </c>
      <c r="H43" s="373">
        <v>-125</v>
      </c>
      <c r="I43" s="373">
        <v>-63</v>
      </c>
      <c r="J43" s="373">
        <v>-62</v>
      </c>
      <c r="K43" s="373" t="s">
        <v>72</v>
      </c>
      <c r="L43" s="373" t="s">
        <v>72</v>
      </c>
      <c r="M43" s="373" t="s">
        <v>72</v>
      </c>
      <c r="N43" s="373">
        <v>125</v>
      </c>
      <c r="O43" s="373">
        <v>63</v>
      </c>
      <c r="P43" s="373">
        <v>62</v>
      </c>
      <c r="Q43" s="373">
        <v>-31</v>
      </c>
      <c r="R43" s="373">
        <v>-281</v>
      </c>
      <c r="S43" s="373">
        <v>250</v>
      </c>
      <c r="T43" s="373">
        <v>846</v>
      </c>
      <c r="U43" s="373">
        <v>145</v>
      </c>
      <c r="V43" s="373">
        <v>701</v>
      </c>
      <c r="W43" s="373">
        <v>877</v>
      </c>
      <c r="X43" s="373">
        <v>426</v>
      </c>
      <c r="Y43" s="373">
        <v>451</v>
      </c>
    </row>
    <row r="44" spans="1:25" ht="20.25" customHeight="1">
      <c r="A44" s="1038"/>
      <c r="B44" s="486">
        <v>-856</v>
      </c>
      <c r="C44" s="380" t="s">
        <v>526</v>
      </c>
      <c r="D44" s="1040"/>
      <c r="E44" s="373">
        <v>384</v>
      </c>
      <c r="F44" s="373">
        <v>200</v>
      </c>
      <c r="G44" s="373">
        <v>184</v>
      </c>
      <c r="H44" s="373">
        <v>-71</v>
      </c>
      <c r="I44" s="373">
        <v>-7</v>
      </c>
      <c r="J44" s="373">
        <v>-64</v>
      </c>
      <c r="K44" s="373" t="s">
        <v>72</v>
      </c>
      <c r="L44" s="373" t="s">
        <v>72</v>
      </c>
      <c r="M44" s="373" t="s">
        <v>72</v>
      </c>
      <c r="N44" s="373">
        <v>71</v>
      </c>
      <c r="O44" s="373">
        <v>7</v>
      </c>
      <c r="P44" s="373">
        <v>64</v>
      </c>
      <c r="Q44" s="373">
        <v>455</v>
      </c>
      <c r="R44" s="373">
        <v>207</v>
      </c>
      <c r="S44" s="373">
        <v>248</v>
      </c>
      <c r="T44" s="373">
        <v>434</v>
      </c>
      <c r="U44" s="373">
        <v>179</v>
      </c>
      <c r="V44" s="373">
        <v>255</v>
      </c>
      <c r="W44" s="373">
        <v>-21</v>
      </c>
      <c r="X44" s="373">
        <v>-28</v>
      </c>
      <c r="Y44" s="373">
        <v>7</v>
      </c>
    </row>
    <row r="45" spans="1:25" ht="20.25" customHeight="1">
      <c r="A45" s="1038"/>
      <c r="B45" s="486">
        <v>-10607</v>
      </c>
      <c r="C45" s="380" t="s">
        <v>527</v>
      </c>
      <c r="D45" s="1040"/>
      <c r="E45" s="373">
        <v>-591</v>
      </c>
      <c r="F45" s="373">
        <v>-672</v>
      </c>
      <c r="G45" s="373">
        <v>81</v>
      </c>
      <c r="H45" s="373">
        <v>-969</v>
      </c>
      <c r="I45" s="373">
        <v>-848</v>
      </c>
      <c r="J45" s="373">
        <v>-121</v>
      </c>
      <c r="K45" s="373" t="s">
        <v>72</v>
      </c>
      <c r="L45" s="373" t="s">
        <v>72</v>
      </c>
      <c r="M45" s="373" t="s">
        <v>72</v>
      </c>
      <c r="N45" s="373">
        <v>969</v>
      </c>
      <c r="O45" s="373">
        <v>848</v>
      </c>
      <c r="P45" s="373">
        <v>121</v>
      </c>
      <c r="Q45" s="373">
        <v>378</v>
      </c>
      <c r="R45" s="373">
        <v>176</v>
      </c>
      <c r="S45" s="373">
        <v>202</v>
      </c>
      <c r="T45" s="373">
        <v>413</v>
      </c>
      <c r="U45" s="373">
        <v>330</v>
      </c>
      <c r="V45" s="373">
        <v>83</v>
      </c>
      <c r="W45" s="373">
        <v>35</v>
      </c>
      <c r="X45" s="373">
        <v>154</v>
      </c>
      <c r="Y45" s="373">
        <v>-119</v>
      </c>
    </row>
    <row r="46" spans="1:25" ht="20.25" customHeight="1">
      <c r="A46" s="1038"/>
      <c r="B46" s="486">
        <v>22727</v>
      </c>
      <c r="C46" s="380" t="s">
        <v>528</v>
      </c>
      <c r="D46" s="1040"/>
      <c r="E46" s="373">
        <v>-3085</v>
      </c>
      <c r="F46" s="373">
        <v>-1806</v>
      </c>
      <c r="G46" s="373">
        <v>-1279</v>
      </c>
      <c r="H46" s="373">
        <v>-3707</v>
      </c>
      <c r="I46" s="373">
        <v>-2074</v>
      </c>
      <c r="J46" s="373">
        <v>-1633</v>
      </c>
      <c r="K46" s="373" t="s">
        <v>72</v>
      </c>
      <c r="L46" s="373" t="s">
        <v>72</v>
      </c>
      <c r="M46" s="373" t="s">
        <v>72</v>
      </c>
      <c r="N46" s="373">
        <v>3707</v>
      </c>
      <c r="O46" s="373">
        <v>2074</v>
      </c>
      <c r="P46" s="373">
        <v>1633</v>
      </c>
      <c r="Q46" s="373">
        <v>622</v>
      </c>
      <c r="R46" s="373">
        <v>268</v>
      </c>
      <c r="S46" s="373">
        <v>354</v>
      </c>
      <c r="T46" s="373">
        <v>916</v>
      </c>
      <c r="U46" s="373">
        <v>379</v>
      </c>
      <c r="V46" s="373">
        <v>537</v>
      </c>
      <c r="W46" s="373">
        <v>294</v>
      </c>
      <c r="X46" s="373">
        <v>111</v>
      </c>
      <c r="Y46" s="373">
        <v>183</v>
      </c>
    </row>
    <row r="47" spans="1:25" ht="20.25" customHeight="1">
      <c r="A47" s="1038"/>
      <c r="B47" s="488">
        <v>8505</v>
      </c>
      <c r="C47" s="381" t="s">
        <v>529</v>
      </c>
      <c r="D47" s="1040"/>
      <c r="E47" s="383">
        <v>-3461</v>
      </c>
      <c r="F47" s="383">
        <v>-1543</v>
      </c>
      <c r="G47" s="383">
        <v>-1918</v>
      </c>
      <c r="H47" s="383">
        <v>-3476</v>
      </c>
      <c r="I47" s="383">
        <v>-1561</v>
      </c>
      <c r="J47" s="383">
        <v>-1915</v>
      </c>
      <c r="K47" s="383" t="s">
        <v>72</v>
      </c>
      <c r="L47" s="383" t="s">
        <v>72</v>
      </c>
      <c r="M47" s="383" t="s">
        <v>72</v>
      </c>
      <c r="N47" s="383">
        <v>3476</v>
      </c>
      <c r="O47" s="383">
        <v>1561</v>
      </c>
      <c r="P47" s="383">
        <v>1915</v>
      </c>
      <c r="Q47" s="383">
        <v>15</v>
      </c>
      <c r="R47" s="383">
        <v>18</v>
      </c>
      <c r="S47" s="383">
        <v>-3</v>
      </c>
      <c r="T47" s="383">
        <v>194</v>
      </c>
      <c r="U47" s="383">
        <v>102</v>
      </c>
      <c r="V47" s="383">
        <v>92</v>
      </c>
      <c r="W47" s="383">
        <v>179</v>
      </c>
      <c r="X47" s="383">
        <v>84</v>
      </c>
      <c r="Y47" s="383">
        <v>95</v>
      </c>
    </row>
    <row r="48" spans="1:25" ht="20.25" customHeight="1" thickBot="1">
      <c r="A48" s="1041"/>
      <c r="B48" s="889">
        <v>228</v>
      </c>
      <c r="C48" s="247" t="s">
        <v>457</v>
      </c>
      <c r="D48" s="1042"/>
      <c r="E48" s="888">
        <v>-192</v>
      </c>
      <c r="F48" s="888">
        <v>-47</v>
      </c>
      <c r="G48" s="888">
        <v>-145</v>
      </c>
      <c r="H48" s="888">
        <v>-191</v>
      </c>
      <c r="I48" s="888">
        <v>-53</v>
      </c>
      <c r="J48" s="888">
        <v>-138</v>
      </c>
      <c r="K48" s="888" t="s">
        <v>72</v>
      </c>
      <c r="L48" s="888" t="s">
        <v>72</v>
      </c>
      <c r="M48" s="888" t="s">
        <v>72</v>
      </c>
      <c r="N48" s="888">
        <v>191</v>
      </c>
      <c r="O48" s="888">
        <v>53</v>
      </c>
      <c r="P48" s="888">
        <v>138</v>
      </c>
      <c r="Q48" s="888">
        <v>-1</v>
      </c>
      <c r="R48" s="888">
        <v>6</v>
      </c>
      <c r="S48" s="888">
        <v>-7</v>
      </c>
      <c r="T48" s="888">
        <v>1</v>
      </c>
      <c r="U48" s="888">
        <v>0</v>
      </c>
      <c r="V48" s="888">
        <v>1</v>
      </c>
      <c r="W48" s="888">
        <v>2</v>
      </c>
      <c r="X48" s="888">
        <v>-6</v>
      </c>
      <c r="Y48" s="888">
        <v>8</v>
      </c>
    </row>
    <row r="49" spans="1:25" ht="9.75" customHeight="1" thickTop="1">
      <c r="A49" s="384"/>
      <c r="B49" s="386"/>
      <c r="C49" s="386"/>
      <c r="D49" s="386"/>
      <c r="E49" s="386"/>
      <c r="F49" s="386"/>
      <c r="G49" s="386"/>
      <c r="H49" s="386"/>
      <c r="I49" s="386"/>
    </row>
    <row r="50" spans="1:25" ht="16.5" customHeight="1">
      <c r="A50" s="489" t="s">
        <v>463</v>
      </c>
      <c r="C50" s="490"/>
      <c r="D50" s="490"/>
      <c r="E50" s="490"/>
      <c r="F50" s="490"/>
      <c r="G50" s="490"/>
      <c r="H50" s="490"/>
      <c r="I50" s="490"/>
      <c r="J50" s="490"/>
      <c r="K50" s="491"/>
      <c r="L50" s="353"/>
      <c r="M50" s="353"/>
      <c r="N50" s="353"/>
      <c r="O50" s="353"/>
      <c r="P50" s="353"/>
      <c r="Q50" s="353"/>
      <c r="R50" s="353"/>
      <c r="S50" s="353"/>
      <c r="T50" s="353"/>
      <c r="U50" s="353"/>
      <c r="V50" s="353"/>
      <c r="W50" s="353"/>
      <c r="X50" s="353"/>
      <c r="Y50" s="353"/>
    </row>
    <row r="51" spans="1:25" ht="16.5" customHeight="1">
      <c r="A51" s="489" t="s">
        <v>464</v>
      </c>
      <c r="C51" s="492"/>
      <c r="D51" s="492"/>
      <c r="E51" s="492"/>
      <c r="F51" s="492"/>
      <c r="G51" s="492"/>
      <c r="H51" s="492"/>
      <c r="I51" s="492"/>
      <c r="J51" s="492"/>
      <c r="K51" s="492"/>
      <c r="L51" s="353"/>
      <c r="M51" s="353"/>
      <c r="N51" s="353"/>
      <c r="O51" s="353"/>
      <c r="P51" s="353"/>
      <c r="Q51" s="353"/>
      <c r="R51" s="353"/>
      <c r="S51" s="353"/>
      <c r="T51" s="353"/>
      <c r="U51" s="353"/>
      <c r="V51" s="353"/>
      <c r="W51" s="353"/>
      <c r="X51" s="353"/>
      <c r="Y51" s="353"/>
    </row>
    <row r="52" spans="1:25" ht="16.5" customHeight="1">
      <c r="A52" s="489" t="s">
        <v>465</v>
      </c>
      <c r="C52" s="353"/>
      <c r="D52" s="353"/>
      <c r="E52" s="353"/>
      <c r="F52" s="353"/>
      <c r="G52" s="353"/>
      <c r="H52" s="353"/>
      <c r="I52" s="353"/>
      <c r="J52" s="353"/>
      <c r="K52" s="353"/>
      <c r="L52" s="353"/>
      <c r="M52" s="353"/>
      <c r="N52" s="353"/>
      <c r="O52" s="353"/>
      <c r="P52" s="353"/>
      <c r="Q52" s="353"/>
      <c r="R52" s="353"/>
      <c r="S52" s="353"/>
      <c r="T52" s="353"/>
      <c r="U52" s="353"/>
      <c r="V52" s="353"/>
      <c r="W52" s="353"/>
      <c r="X52" s="353"/>
      <c r="Y52" s="353"/>
    </row>
  </sheetData>
  <mergeCells count="21">
    <mergeCell ref="A4:B4"/>
    <mergeCell ref="E4:G4"/>
    <mergeCell ref="H4:J4"/>
    <mergeCell ref="K4:M4"/>
    <mergeCell ref="N4:P4"/>
    <mergeCell ref="T4:V4"/>
    <mergeCell ref="W4:Y4"/>
    <mergeCell ref="E5:G5"/>
    <mergeCell ref="H5:J5"/>
    <mergeCell ref="K5:M5"/>
    <mergeCell ref="N5:P5"/>
    <mergeCell ref="Q5:S5"/>
    <mergeCell ref="T5:V5"/>
    <mergeCell ref="W5:Y5"/>
    <mergeCell ref="Q4:S4"/>
    <mergeCell ref="A12:A20"/>
    <mergeCell ref="D12:D19"/>
    <mergeCell ref="A26:A34"/>
    <mergeCell ref="D26:D33"/>
    <mergeCell ref="A39:A48"/>
    <mergeCell ref="D39:D48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80" orientation="landscape" blackAndWhite="1" r:id="rId1"/>
  <headerFooter scaleWithDoc="0"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57"/>
  <sheetViews>
    <sheetView view="pageBreakPreview" zoomScale="80" zoomScaleNormal="80" zoomScaleSheetLayoutView="80" workbookViewId="0"/>
  </sheetViews>
  <sheetFormatPr defaultRowHeight="13.5"/>
  <cols>
    <col min="1" max="1" width="5.625" style="151" customWidth="1"/>
    <col min="2" max="2" width="15" style="151" customWidth="1"/>
    <col min="3" max="3" width="12.5" style="151" customWidth="1"/>
    <col min="4" max="4" width="5.625" style="151" customWidth="1"/>
    <col min="5" max="25" width="10" style="151" customWidth="1"/>
    <col min="26" max="16384" width="9" style="151"/>
  </cols>
  <sheetData>
    <row r="1" spans="1:25" ht="21" customHeight="1" thickBot="1">
      <c r="A1" s="658" t="s">
        <v>535</v>
      </c>
      <c r="C1" s="329"/>
      <c r="D1" s="329"/>
      <c r="E1" s="329"/>
      <c r="F1" s="329"/>
      <c r="G1" s="329"/>
      <c r="R1" s="329"/>
      <c r="T1" s="329"/>
      <c r="U1" s="329"/>
      <c r="X1" s="330"/>
      <c r="Y1" s="463" t="s">
        <v>626</v>
      </c>
    </row>
    <row r="2" spans="1:25" ht="20.25" customHeight="1" thickTop="1">
      <c r="A2" s="356"/>
      <c r="B2" s="357"/>
      <c r="C2" s="464"/>
      <c r="D2" s="331"/>
      <c r="E2" s="331"/>
      <c r="F2" s="331"/>
      <c r="G2" s="331"/>
      <c r="H2" s="331"/>
      <c r="I2" s="331"/>
      <c r="J2" s="331"/>
      <c r="K2" s="331"/>
      <c r="L2" s="331"/>
      <c r="M2" s="331"/>
      <c r="N2" s="331"/>
      <c r="O2" s="331"/>
      <c r="P2" s="331"/>
      <c r="Q2" s="331"/>
      <c r="R2" s="331"/>
      <c r="S2" s="331"/>
      <c r="T2" s="331"/>
      <c r="U2" s="331"/>
      <c r="V2" s="331"/>
      <c r="W2" s="331"/>
      <c r="X2" s="331"/>
      <c r="Y2" s="331"/>
    </row>
    <row r="3" spans="1:25" ht="20.25" customHeight="1">
      <c r="A3" s="358"/>
      <c r="B3" s="359"/>
      <c r="C3" s="332"/>
      <c r="D3" s="360"/>
      <c r="E3" s="465"/>
      <c r="F3" s="333"/>
      <c r="G3" s="334"/>
      <c r="H3" s="466"/>
      <c r="I3" s="467"/>
      <c r="J3" s="335"/>
      <c r="K3" s="335"/>
      <c r="L3" s="335"/>
      <c r="M3" s="335"/>
      <c r="N3" s="335"/>
      <c r="O3" s="335"/>
      <c r="P3" s="335"/>
      <c r="Q3" s="466"/>
      <c r="R3" s="467"/>
      <c r="S3" s="335"/>
      <c r="T3" s="335"/>
      <c r="U3" s="335"/>
      <c r="V3" s="335"/>
      <c r="W3" s="335"/>
      <c r="X3" s="335"/>
      <c r="Y3" s="335"/>
    </row>
    <row r="4" spans="1:25" ht="20.25" customHeight="1">
      <c r="A4" s="1043" t="s">
        <v>420</v>
      </c>
      <c r="B4" s="1044"/>
      <c r="C4" s="468" t="s">
        <v>253</v>
      </c>
      <c r="D4" s="366"/>
      <c r="E4" s="1034" t="s">
        <v>490</v>
      </c>
      <c r="F4" s="1034"/>
      <c r="G4" s="1035"/>
      <c r="H4" s="1033" t="s">
        <v>422</v>
      </c>
      <c r="I4" s="1034"/>
      <c r="J4" s="1035"/>
      <c r="K4" s="1027" t="s">
        <v>423</v>
      </c>
      <c r="L4" s="1028"/>
      <c r="M4" s="1029"/>
      <c r="N4" s="1027" t="s">
        <v>491</v>
      </c>
      <c r="O4" s="1028"/>
      <c r="P4" s="1028"/>
      <c r="Q4" s="1033" t="s">
        <v>425</v>
      </c>
      <c r="R4" s="1034"/>
      <c r="S4" s="1035"/>
      <c r="T4" s="1027" t="s">
        <v>426</v>
      </c>
      <c r="U4" s="1028"/>
      <c r="V4" s="1028"/>
      <c r="W4" s="1027" t="s">
        <v>427</v>
      </c>
      <c r="X4" s="1028"/>
      <c r="Y4" s="1028"/>
    </row>
    <row r="5" spans="1:25" ht="20.25" customHeight="1">
      <c r="A5" s="358"/>
      <c r="B5" s="359"/>
      <c r="C5" s="347"/>
      <c r="D5" s="469"/>
      <c r="E5" s="1031" t="s">
        <v>492</v>
      </c>
      <c r="F5" s="1031"/>
      <c r="G5" s="1032"/>
      <c r="H5" s="1030" t="s">
        <v>493</v>
      </c>
      <c r="I5" s="1031"/>
      <c r="J5" s="1032"/>
      <c r="K5" s="1030" t="s">
        <v>494</v>
      </c>
      <c r="L5" s="1031"/>
      <c r="M5" s="1032"/>
      <c r="N5" s="1030" t="s">
        <v>495</v>
      </c>
      <c r="O5" s="1031"/>
      <c r="P5" s="1031"/>
      <c r="Q5" s="1030" t="s">
        <v>496</v>
      </c>
      <c r="R5" s="1031"/>
      <c r="S5" s="1032"/>
      <c r="T5" s="1030" t="s">
        <v>433</v>
      </c>
      <c r="U5" s="1031"/>
      <c r="V5" s="1031"/>
      <c r="W5" s="1030" t="s">
        <v>434</v>
      </c>
      <c r="X5" s="1031"/>
      <c r="Y5" s="1031"/>
    </row>
    <row r="6" spans="1:25" ht="20.25" customHeight="1">
      <c r="A6" s="361"/>
      <c r="B6" s="362"/>
      <c r="C6" s="470"/>
      <c r="D6" s="471"/>
      <c r="E6" s="472" t="s">
        <v>497</v>
      </c>
      <c r="F6" s="472" t="s">
        <v>498</v>
      </c>
      <c r="G6" s="473" t="s">
        <v>499</v>
      </c>
      <c r="H6" s="474" t="s">
        <v>497</v>
      </c>
      <c r="I6" s="472" t="s">
        <v>498</v>
      </c>
      <c r="J6" s="473" t="s">
        <v>499</v>
      </c>
      <c r="K6" s="474" t="s">
        <v>500</v>
      </c>
      <c r="L6" s="472" t="s">
        <v>498</v>
      </c>
      <c r="M6" s="472" t="s">
        <v>499</v>
      </c>
      <c r="N6" s="475" t="s">
        <v>500</v>
      </c>
      <c r="O6" s="475" t="s">
        <v>502</v>
      </c>
      <c r="P6" s="475" t="s">
        <v>499</v>
      </c>
      <c r="Q6" s="472" t="s">
        <v>497</v>
      </c>
      <c r="R6" s="472" t="s">
        <v>498</v>
      </c>
      <c r="S6" s="473" t="s">
        <v>499</v>
      </c>
      <c r="T6" s="474" t="s">
        <v>497</v>
      </c>
      <c r="U6" s="475" t="s">
        <v>498</v>
      </c>
      <c r="V6" s="475" t="s">
        <v>499</v>
      </c>
      <c r="W6" s="475" t="s">
        <v>497</v>
      </c>
      <c r="X6" s="475" t="s">
        <v>498</v>
      </c>
      <c r="Y6" s="475" t="s">
        <v>499</v>
      </c>
    </row>
    <row r="7" spans="1:25" ht="20.25" customHeight="1">
      <c r="A7" s="363"/>
      <c r="B7" s="476" t="s">
        <v>192</v>
      </c>
      <c r="C7" s="239"/>
      <c r="D7" s="477"/>
      <c r="E7" s="478" t="s">
        <v>192</v>
      </c>
      <c r="F7" s="105" t="s">
        <v>192</v>
      </c>
      <c r="G7" s="86" t="s">
        <v>192</v>
      </c>
      <c r="H7" s="106" t="s">
        <v>192</v>
      </c>
      <c r="I7" s="105" t="s">
        <v>192</v>
      </c>
      <c r="J7" s="86" t="s">
        <v>192</v>
      </c>
      <c r="K7" s="106" t="s">
        <v>192</v>
      </c>
      <c r="L7" s="105" t="s">
        <v>192</v>
      </c>
      <c r="M7" s="105" t="s">
        <v>192</v>
      </c>
      <c r="N7" s="479" t="s">
        <v>192</v>
      </c>
      <c r="O7" s="479" t="s">
        <v>192</v>
      </c>
      <c r="P7" s="479" t="s">
        <v>192</v>
      </c>
      <c r="Q7" s="478" t="s">
        <v>192</v>
      </c>
      <c r="R7" s="105" t="s">
        <v>192</v>
      </c>
      <c r="S7" s="86" t="s">
        <v>192</v>
      </c>
      <c r="T7" s="479" t="s">
        <v>192</v>
      </c>
      <c r="U7" s="479" t="s">
        <v>192</v>
      </c>
      <c r="V7" s="479" t="s">
        <v>192</v>
      </c>
      <c r="W7" s="479" t="s">
        <v>192</v>
      </c>
      <c r="X7" s="479" t="s">
        <v>192</v>
      </c>
      <c r="Y7" s="479" t="s">
        <v>192</v>
      </c>
    </row>
    <row r="8" spans="1:25" ht="20.25" customHeight="1">
      <c r="A8" s="364"/>
      <c r="B8" s="372">
        <v>3769595</v>
      </c>
      <c r="C8" s="365" t="s">
        <v>194</v>
      </c>
      <c r="D8" s="366"/>
      <c r="E8" s="373">
        <v>-2434</v>
      </c>
      <c r="F8" s="374">
        <v>-2849</v>
      </c>
      <c r="G8" s="375">
        <v>415</v>
      </c>
      <c r="H8" s="373">
        <v>-15739</v>
      </c>
      <c r="I8" s="374">
        <v>-8961</v>
      </c>
      <c r="J8" s="376">
        <v>-6778</v>
      </c>
      <c r="K8" s="373">
        <v>23785</v>
      </c>
      <c r="L8" s="374">
        <v>12002</v>
      </c>
      <c r="M8" s="376">
        <v>11783</v>
      </c>
      <c r="N8" s="375">
        <v>39524</v>
      </c>
      <c r="O8" s="373">
        <v>20963</v>
      </c>
      <c r="P8" s="373">
        <v>18561</v>
      </c>
      <c r="Q8" s="373">
        <v>13305</v>
      </c>
      <c r="R8" s="374">
        <v>6112</v>
      </c>
      <c r="S8" s="376">
        <v>7193</v>
      </c>
      <c r="T8" s="375">
        <v>220196</v>
      </c>
      <c r="U8" s="373">
        <v>116218</v>
      </c>
      <c r="V8" s="373">
        <v>103978</v>
      </c>
      <c r="W8" s="373">
        <v>206891</v>
      </c>
      <c r="X8" s="373">
        <v>110106</v>
      </c>
      <c r="Y8" s="373">
        <v>96785</v>
      </c>
    </row>
    <row r="9" spans="1:25" ht="12.75" customHeight="1">
      <c r="A9" s="367"/>
      <c r="B9" s="385"/>
      <c r="C9" s="341"/>
      <c r="D9" s="368"/>
      <c r="E9" s="323"/>
      <c r="F9" s="307"/>
      <c r="G9" s="369"/>
      <c r="H9" s="323"/>
      <c r="I9" s="307"/>
      <c r="J9" s="324"/>
      <c r="K9" s="323"/>
      <c r="L9" s="307"/>
      <c r="M9" s="324"/>
      <c r="N9" s="369"/>
      <c r="O9" s="323"/>
      <c r="P9" s="307"/>
      <c r="Q9" s="323"/>
      <c r="R9" s="307"/>
      <c r="S9" s="324"/>
      <c r="T9" s="369"/>
      <c r="U9" s="307"/>
      <c r="V9" s="369"/>
      <c r="W9" s="323"/>
      <c r="X9" s="307"/>
      <c r="Y9" s="369"/>
    </row>
    <row r="10" spans="1:25" ht="20.25" customHeight="1">
      <c r="A10" s="364" t="s">
        <v>517</v>
      </c>
      <c r="B10" s="377">
        <v>271561</v>
      </c>
      <c r="C10" s="378" t="s">
        <v>518</v>
      </c>
      <c r="D10" s="366" t="s">
        <v>519</v>
      </c>
      <c r="E10" s="320">
        <v>23778</v>
      </c>
      <c r="F10" s="304">
        <v>12058</v>
      </c>
      <c r="G10" s="379">
        <v>11720</v>
      </c>
      <c r="H10" s="320">
        <v>23708</v>
      </c>
      <c r="I10" s="304">
        <v>11959</v>
      </c>
      <c r="J10" s="321">
        <v>11749</v>
      </c>
      <c r="K10" s="320">
        <v>23785</v>
      </c>
      <c r="L10" s="320">
        <v>12002</v>
      </c>
      <c r="M10" s="304">
        <v>11783</v>
      </c>
      <c r="N10" s="320">
        <v>77</v>
      </c>
      <c r="O10" s="320">
        <v>43</v>
      </c>
      <c r="P10" s="320">
        <v>34</v>
      </c>
      <c r="Q10" s="320">
        <v>70</v>
      </c>
      <c r="R10" s="304">
        <v>99</v>
      </c>
      <c r="S10" s="321">
        <v>-29</v>
      </c>
      <c r="T10" s="320">
        <v>16833</v>
      </c>
      <c r="U10" s="304">
        <v>8734</v>
      </c>
      <c r="V10" s="379">
        <v>8099</v>
      </c>
      <c r="W10" s="320">
        <v>16763</v>
      </c>
      <c r="X10" s="304">
        <v>8635</v>
      </c>
      <c r="Y10" s="379">
        <v>8128</v>
      </c>
    </row>
    <row r="11" spans="1:25" ht="20.25" customHeight="1">
      <c r="A11" s="370"/>
      <c r="B11" s="377">
        <v>316271</v>
      </c>
      <c r="C11" s="380" t="s">
        <v>520</v>
      </c>
      <c r="D11" s="480"/>
      <c r="E11" s="320">
        <v>2766</v>
      </c>
      <c r="F11" s="304">
        <v>1385</v>
      </c>
      <c r="G11" s="379">
        <v>1381</v>
      </c>
      <c r="H11" s="320">
        <v>-29</v>
      </c>
      <c r="I11" s="304">
        <v>-12</v>
      </c>
      <c r="J11" s="321">
        <v>-17</v>
      </c>
      <c r="K11" s="320" t="s">
        <v>72</v>
      </c>
      <c r="L11" s="304" t="s">
        <v>72</v>
      </c>
      <c r="M11" s="321" t="s">
        <v>72</v>
      </c>
      <c r="N11" s="320">
        <v>29</v>
      </c>
      <c r="O11" s="320">
        <v>12</v>
      </c>
      <c r="P11" s="320">
        <v>17</v>
      </c>
      <c r="Q11" s="320">
        <v>2795</v>
      </c>
      <c r="R11" s="304">
        <v>1397</v>
      </c>
      <c r="S11" s="321">
        <v>1398</v>
      </c>
      <c r="T11" s="320">
        <v>10681</v>
      </c>
      <c r="U11" s="304">
        <v>5556</v>
      </c>
      <c r="V11" s="379">
        <v>5125</v>
      </c>
      <c r="W11" s="320">
        <v>7886</v>
      </c>
      <c r="X11" s="304">
        <v>4159</v>
      </c>
      <c r="Y11" s="379">
        <v>3727</v>
      </c>
    </row>
    <row r="12" spans="1:25" ht="20.25" customHeight="1">
      <c r="A12" s="1038" t="s">
        <v>435</v>
      </c>
      <c r="B12" s="377">
        <v>407130</v>
      </c>
      <c r="C12" s="380" t="s">
        <v>521</v>
      </c>
      <c r="D12" s="1040" t="s">
        <v>522</v>
      </c>
      <c r="E12" s="320">
        <v>9759</v>
      </c>
      <c r="F12" s="304">
        <v>5048</v>
      </c>
      <c r="G12" s="379">
        <v>4711</v>
      </c>
      <c r="H12" s="320">
        <v>-156</v>
      </c>
      <c r="I12" s="304">
        <v>-96</v>
      </c>
      <c r="J12" s="321">
        <v>-60</v>
      </c>
      <c r="K12" s="320" t="s">
        <v>72</v>
      </c>
      <c r="L12" s="304" t="s">
        <v>72</v>
      </c>
      <c r="M12" s="321" t="s">
        <v>72</v>
      </c>
      <c r="N12" s="320">
        <v>156</v>
      </c>
      <c r="O12" s="320">
        <v>96</v>
      </c>
      <c r="P12" s="320">
        <v>60</v>
      </c>
      <c r="Q12" s="320">
        <v>9915</v>
      </c>
      <c r="R12" s="304">
        <v>5144</v>
      </c>
      <c r="S12" s="321">
        <v>4771</v>
      </c>
      <c r="T12" s="320">
        <v>84116</v>
      </c>
      <c r="U12" s="304">
        <v>43890</v>
      </c>
      <c r="V12" s="379">
        <v>40226</v>
      </c>
      <c r="W12" s="320">
        <v>74201</v>
      </c>
      <c r="X12" s="304">
        <v>38746</v>
      </c>
      <c r="Y12" s="379">
        <v>35455</v>
      </c>
    </row>
    <row r="13" spans="1:25" ht="20.25" customHeight="1">
      <c r="A13" s="1038"/>
      <c r="B13" s="377">
        <v>413667</v>
      </c>
      <c r="C13" s="380" t="s">
        <v>523</v>
      </c>
      <c r="D13" s="1040"/>
      <c r="E13" s="320">
        <v>1251</v>
      </c>
      <c r="F13" s="304">
        <v>472</v>
      </c>
      <c r="G13" s="379">
        <v>779</v>
      </c>
      <c r="H13" s="320">
        <v>-201</v>
      </c>
      <c r="I13" s="304">
        <v>-127</v>
      </c>
      <c r="J13" s="321">
        <v>-74</v>
      </c>
      <c r="K13" s="320" t="s">
        <v>72</v>
      </c>
      <c r="L13" s="304" t="s">
        <v>72</v>
      </c>
      <c r="M13" s="321" t="s">
        <v>72</v>
      </c>
      <c r="N13" s="320">
        <v>201</v>
      </c>
      <c r="O13" s="320">
        <v>127</v>
      </c>
      <c r="P13" s="320">
        <v>74</v>
      </c>
      <c r="Q13" s="320">
        <v>1452</v>
      </c>
      <c r="R13" s="304">
        <v>599</v>
      </c>
      <c r="S13" s="321">
        <v>853</v>
      </c>
      <c r="T13" s="320">
        <v>51728</v>
      </c>
      <c r="U13" s="304">
        <v>27898</v>
      </c>
      <c r="V13" s="379">
        <v>23830</v>
      </c>
      <c r="W13" s="320">
        <v>50276</v>
      </c>
      <c r="X13" s="304">
        <v>27299</v>
      </c>
      <c r="Y13" s="379">
        <v>22977</v>
      </c>
    </row>
    <row r="14" spans="1:25" ht="20.25" customHeight="1">
      <c r="A14" s="1038"/>
      <c r="B14" s="355">
        <v>534778</v>
      </c>
      <c r="C14" s="381" t="s">
        <v>524</v>
      </c>
      <c r="D14" s="1040"/>
      <c r="E14" s="323">
        <v>122</v>
      </c>
      <c r="F14" s="307">
        <v>-7</v>
      </c>
      <c r="G14" s="369">
        <v>129</v>
      </c>
      <c r="H14" s="307">
        <v>-578</v>
      </c>
      <c r="I14" s="307">
        <v>-355</v>
      </c>
      <c r="J14" s="324">
        <v>-223</v>
      </c>
      <c r="K14" s="307" t="s">
        <v>72</v>
      </c>
      <c r="L14" s="307" t="s">
        <v>72</v>
      </c>
      <c r="M14" s="324" t="s">
        <v>72</v>
      </c>
      <c r="N14" s="323">
        <v>578</v>
      </c>
      <c r="O14" s="323">
        <v>355</v>
      </c>
      <c r="P14" s="323">
        <v>223</v>
      </c>
      <c r="Q14" s="323">
        <v>700</v>
      </c>
      <c r="R14" s="307">
        <v>348</v>
      </c>
      <c r="S14" s="324">
        <v>352</v>
      </c>
      <c r="T14" s="323">
        <v>23165</v>
      </c>
      <c r="U14" s="307">
        <v>13150</v>
      </c>
      <c r="V14" s="369">
        <v>10015</v>
      </c>
      <c r="W14" s="323">
        <v>22465</v>
      </c>
      <c r="X14" s="307">
        <v>12802</v>
      </c>
      <c r="Y14" s="369">
        <v>9663</v>
      </c>
    </row>
    <row r="15" spans="1:25" ht="20.25" customHeight="1">
      <c r="A15" s="1038"/>
      <c r="B15" s="377">
        <v>586028</v>
      </c>
      <c r="C15" s="380" t="s">
        <v>525</v>
      </c>
      <c r="D15" s="1040"/>
      <c r="E15" s="320">
        <v>-2158</v>
      </c>
      <c r="F15" s="304">
        <v>-1525</v>
      </c>
      <c r="G15" s="379">
        <v>-633</v>
      </c>
      <c r="H15" s="320">
        <v>-1519</v>
      </c>
      <c r="I15" s="304">
        <v>-979</v>
      </c>
      <c r="J15" s="321">
        <v>-540</v>
      </c>
      <c r="K15" s="320" t="s">
        <v>72</v>
      </c>
      <c r="L15" s="304" t="s">
        <v>72</v>
      </c>
      <c r="M15" s="304" t="s">
        <v>72</v>
      </c>
      <c r="N15" s="320">
        <v>1519</v>
      </c>
      <c r="O15" s="320">
        <v>979</v>
      </c>
      <c r="P15" s="320">
        <v>540</v>
      </c>
      <c r="Q15" s="320">
        <v>-639</v>
      </c>
      <c r="R15" s="304">
        <v>-546</v>
      </c>
      <c r="S15" s="321">
        <v>-93</v>
      </c>
      <c r="T15" s="320">
        <v>15324</v>
      </c>
      <c r="U15" s="304">
        <v>8538</v>
      </c>
      <c r="V15" s="379">
        <v>6786</v>
      </c>
      <c r="W15" s="320">
        <v>15963</v>
      </c>
      <c r="X15" s="304">
        <v>9084</v>
      </c>
      <c r="Y15" s="379">
        <v>6879</v>
      </c>
    </row>
    <row r="16" spans="1:25" ht="20.25" customHeight="1">
      <c r="A16" s="1038"/>
      <c r="B16" s="377">
        <v>400624</v>
      </c>
      <c r="C16" s="380" t="s">
        <v>526</v>
      </c>
      <c r="D16" s="1040"/>
      <c r="E16" s="320">
        <v>-3991</v>
      </c>
      <c r="F16" s="304">
        <v>-2740</v>
      </c>
      <c r="G16" s="379">
        <v>-1251</v>
      </c>
      <c r="H16" s="320">
        <v>-2733</v>
      </c>
      <c r="I16" s="304">
        <v>-1914</v>
      </c>
      <c r="J16" s="321">
        <v>-819</v>
      </c>
      <c r="K16" s="320" t="s">
        <v>72</v>
      </c>
      <c r="L16" s="304" t="s">
        <v>72</v>
      </c>
      <c r="M16" s="321" t="s">
        <v>72</v>
      </c>
      <c r="N16" s="320">
        <v>2733</v>
      </c>
      <c r="O16" s="320">
        <v>1914</v>
      </c>
      <c r="P16" s="320">
        <v>819</v>
      </c>
      <c r="Q16" s="320">
        <v>-1258</v>
      </c>
      <c r="R16" s="304">
        <v>-826</v>
      </c>
      <c r="S16" s="321">
        <v>-432</v>
      </c>
      <c r="T16" s="320">
        <v>7281</v>
      </c>
      <c r="U16" s="304">
        <v>4118</v>
      </c>
      <c r="V16" s="379">
        <v>3163</v>
      </c>
      <c r="W16" s="320">
        <v>8539</v>
      </c>
      <c r="X16" s="304">
        <v>4944</v>
      </c>
      <c r="Y16" s="379">
        <v>3595</v>
      </c>
    </row>
    <row r="17" spans="1:25" ht="20.25" customHeight="1">
      <c r="A17" s="1038"/>
      <c r="B17" s="377">
        <v>419214</v>
      </c>
      <c r="C17" s="380" t="s">
        <v>527</v>
      </c>
      <c r="D17" s="1040"/>
      <c r="E17" s="320">
        <v>-7895</v>
      </c>
      <c r="F17" s="304">
        <v>-5412</v>
      </c>
      <c r="G17" s="379">
        <v>-2483</v>
      </c>
      <c r="H17" s="320">
        <v>-7670</v>
      </c>
      <c r="I17" s="304">
        <v>-5202</v>
      </c>
      <c r="J17" s="321">
        <v>-2468</v>
      </c>
      <c r="K17" s="320" t="s">
        <v>72</v>
      </c>
      <c r="L17" s="304" t="s">
        <v>72</v>
      </c>
      <c r="M17" s="321" t="s">
        <v>72</v>
      </c>
      <c r="N17" s="320">
        <v>7670</v>
      </c>
      <c r="O17" s="320">
        <v>5202</v>
      </c>
      <c r="P17" s="320">
        <v>2468</v>
      </c>
      <c r="Q17" s="320">
        <v>-225</v>
      </c>
      <c r="R17" s="304">
        <v>-210</v>
      </c>
      <c r="S17" s="321">
        <v>-15</v>
      </c>
      <c r="T17" s="320">
        <v>5245</v>
      </c>
      <c r="U17" s="304">
        <v>2530</v>
      </c>
      <c r="V17" s="379">
        <v>2715</v>
      </c>
      <c r="W17" s="320">
        <v>5470</v>
      </c>
      <c r="X17" s="304">
        <v>2740</v>
      </c>
      <c r="Y17" s="379">
        <v>2730</v>
      </c>
    </row>
    <row r="18" spans="1:25" ht="20.25" customHeight="1">
      <c r="A18" s="1038"/>
      <c r="B18" s="377">
        <v>258604</v>
      </c>
      <c r="C18" s="380" t="s">
        <v>528</v>
      </c>
      <c r="D18" s="1040"/>
      <c r="E18" s="320">
        <v>-14021</v>
      </c>
      <c r="F18" s="304">
        <v>-7889</v>
      </c>
      <c r="G18" s="379">
        <v>-6132</v>
      </c>
      <c r="H18" s="320">
        <v>-14402</v>
      </c>
      <c r="I18" s="304">
        <v>-7975</v>
      </c>
      <c r="J18" s="321">
        <v>-6427</v>
      </c>
      <c r="K18" s="320" t="s">
        <v>72</v>
      </c>
      <c r="L18" s="304" t="s">
        <v>72</v>
      </c>
      <c r="M18" s="321" t="s">
        <v>72</v>
      </c>
      <c r="N18" s="320">
        <v>14402</v>
      </c>
      <c r="O18" s="320">
        <v>7975</v>
      </c>
      <c r="P18" s="320">
        <v>6427</v>
      </c>
      <c r="Q18" s="320">
        <v>381</v>
      </c>
      <c r="R18" s="304">
        <v>86</v>
      </c>
      <c r="S18" s="321">
        <v>295</v>
      </c>
      <c r="T18" s="320">
        <v>4326</v>
      </c>
      <c r="U18" s="304">
        <v>1423</v>
      </c>
      <c r="V18" s="379">
        <v>2903</v>
      </c>
      <c r="W18" s="320">
        <v>3945</v>
      </c>
      <c r="X18" s="304">
        <v>1337</v>
      </c>
      <c r="Y18" s="379">
        <v>2608</v>
      </c>
    </row>
    <row r="19" spans="1:25" ht="20.25" customHeight="1">
      <c r="A19" s="1038"/>
      <c r="B19" s="355">
        <v>61044</v>
      </c>
      <c r="C19" s="381" t="s">
        <v>529</v>
      </c>
      <c r="D19" s="1040"/>
      <c r="E19" s="323">
        <v>-11075</v>
      </c>
      <c r="F19" s="307">
        <v>-4074</v>
      </c>
      <c r="G19" s="369">
        <v>-7001</v>
      </c>
      <c r="H19" s="323">
        <v>-11185</v>
      </c>
      <c r="I19" s="307">
        <v>-4098</v>
      </c>
      <c r="J19" s="324">
        <v>-7087</v>
      </c>
      <c r="K19" s="323" t="s">
        <v>72</v>
      </c>
      <c r="L19" s="307" t="s">
        <v>72</v>
      </c>
      <c r="M19" s="324" t="s">
        <v>72</v>
      </c>
      <c r="N19" s="323">
        <v>11185</v>
      </c>
      <c r="O19" s="323">
        <v>4098</v>
      </c>
      <c r="P19" s="323">
        <v>7087</v>
      </c>
      <c r="Q19" s="323">
        <v>110</v>
      </c>
      <c r="R19" s="307">
        <v>24</v>
      </c>
      <c r="S19" s="324">
        <v>86</v>
      </c>
      <c r="T19" s="323">
        <v>1458</v>
      </c>
      <c r="U19" s="307">
        <v>376</v>
      </c>
      <c r="V19" s="369">
        <v>1082</v>
      </c>
      <c r="W19" s="323">
        <v>1348</v>
      </c>
      <c r="X19" s="307">
        <v>352</v>
      </c>
      <c r="Y19" s="369">
        <v>996</v>
      </c>
    </row>
    <row r="20" spans="1:25" ht="20.25" customHeight="1" thickBot="1">
      <c r="A20" s="1039"/>
      <c r="B20" s="881">
        <v>1885</v>
      </c>
      <c r="C20" s="247" t="s">
        <v>457</v>
      </c>
      <c r="D20" s="882"/>
      <c r="E20" s="883">
        <v>-970</v>
      </c>
      <c r="F20" s="884">
        <v>-165</v>
      </c>
      <c r="G20" s="885">
        <v>-805</v>
      </c>
      <c r="H20" s="884">
        <v>-974</v>
      </c>
      <c r="I20" s="884">
        <v>-162</v>
      </c>
      <c r="J20" s="886">
        <v>-812</v>
      </c>
      <c r="K20" s="883" t="s">
        <v>72</v>
      </c>
      <c r="L20" s="884" t="s">
        <v>72</v>
      </c>
      <c r="M20" s="884" t="s">
        <v>72</v>
      </c>
      <c r="N20" s="883">
        <v>974</v>
      </c>
      <c r="O20" s="883">
        <v>162</v>
      </c>
      <c r="P20" s="883">
        <v>812</v>
      </c>
      <c r="Q20" s="883">
        <v>4</v>
      </c>
      <c r="R20" s="884">
        <v>-3</v>
      </c>
      <c r="S20" s="886">
        <v>7</v>
      </c>
      <c r="T20" s="883">
        <v>39</v>
      </c>
      <c r="U20" s="884">
        <v>5</v>
      </c>
      <c r="V20" s="885">
        <v>34</v>
      </c>
      <c r="W20" s="883">
        <v>35</v>
      </c>
      <c r="X20" s="884">
        <v>8</v>
      </c>
      <c r="Y20" s="885">
        <v>27</v>
      </c>
    </row>
    <row r="21" spans="1:25" ht="20.25" customHeight="1" thickTop="1">
      <c r="A21" s="371"/>
      <c r="B21" s="481" t="s">
        <v>192</v>
      </c>
      <c r="C21" s="239"/>
      <c r="D21" s="477"/>
      <c r="E21" s="482" t="s">
        <v>192</v>
      </c>
      <c r="F21" s="482" t="s">
        <v>192</v>
      </c>
      <c r="G21" s="483" t="s">
        <v>192</v>
      </c>
      <c r="H21" s="484" t="s">
        <v>192</v>
      </c>
      <c r="I21" s="482" t="s">
        <v>192</v>
      </c>
      <c r="J21" s="483" t="s">
        <v>192</v>
      </c>
      <c r="K21" s="484" t="s">
        <v>192</v>
      </c>
      <c r="L21" s="482" t="s">
        <v>192</v>
      </c>
      <c r="M21" s="482" t="s">
        <v>192</v>
      </c>
      <c r="N21" s="484" t="s">
        <v>192</v>
      </c>
      <c r="O21" s="484" t="s">
        <v>192</v>
      </c>
      <c r="P21" s="484" t="s">
        <v>192</v>
      </c>
      <c r="Q21" s="482" t="s">
        <v>192</v>
      </c>
      <c r="R21" s="482" t="s">
        <v>192</v>
      </c>
      <c r="S21" s="483" t="s">
        <v>192</v>
      </c>
      <c r="T21" s="484" t="s">
        <v>192</v>
      </c>
      <c r="U21" s="482" t="s">
        <v>192</v>
      </c>
      <c r="V21" s="887" t="s">
        <v>192</v>
      </c>
      <c r="W21" s="484" t="s">
        <v>192</v>
      </c>
      <c r="X21" s="482" t="s">
        <v>192</v>
      </c>
      <c r="Y21" s="483" t="s">
        <v>192</v>
      </c>
    </row>
    <row r="22" spans="1:25" ht="20.25" customHeight="1">
      <c r="A22" s="364"/>
      <c r="B22" s="372">
        <v>3772029</v>
      </c>
      <c r="C22" s="365" t="s">
        <v>194</v>
      </c>
      <c r="D22" s="366"/>
      <c r="E22" s="373">
        <v>-4257</v>
      </c>
      <c r="F22" s="374">
        <v>-4056</v>
      </c>
      <c r="G22" s="375">
        <v>-201</v>
      </c>
      <c r="H22" s="373">
        <v>-11457</v>
      </c>
      <c r="I22" s="374">
        <v>-6411</v>
      </c>
      <c r="J22" s="376">
        <v>-5046</v>
      </c>
      <c r="K22" s="373">
        <v>24876</v>
      </c>
      <c r="L22" s="374">
        <v>12767</v>
      </c>
      <c r="M22" s="376">
        <v>12109</v>
      </c>
      <c r="N22" s="375">
        <v>36333</v>
      </c>
      <c r="O22" s="373">
        <v>19178</v>
      </c>
      <c r="P22" s="373">
        <v>17155</v>
      </c>
      <c r="Q22" s="373">
        <v>7200</v>
      </c>
      <c r="R22" s="374">
        <v>2355</v>
      </c>
      <c r="S22" s="376">
        <v>4845</v>
      </c>
      <c r="T22" s="375">
        <v>214743</v>
      </c>
      <c r="U22" s="374">
        <v>112792</v>
      </c>
      <c r="V22" s="376">
        <v>101951</v>
      </c>
      <c r="W22" s="373">
        <v>207543</v>
      </c>
      <c r="X22" s="374">
        <v>110437</v>
      </c>
      <c r="Y22" s="375">
        <v>97106</v>
      </c>
    </row>
    <row r="23" spans="1:25" ht="12.75" customHeight="1">
      <c r="A23" s="371"/>
      <c r="B23" s="385"/>
      <c r="C23" s="341"/>
      <c r="D23" s="368"/>
      <c r="E23" s="323"/>
      <c r="F23" s="307"/>
      <c r="G23" s="369"/>
      <c r="H23" s="323"/>
      <c r="I23" s="307"/>
      <c r="J23" s="324"/>
      <c r="K23" s="323"/>
      <c r="L23" s="307"/>
      <c r="M23" s="324"/>
      <c r="N23" s="369"/>
      <c r="O23" s="323"/>
      <c r="P23" s="307"/>
      <c r="Q23" s="323"/>
      <c r="R23" s="307"/>
      <c r="S23" s="324"/>
      <c r="T23" s="369"/>
      <c r="U23" s="307"/>
      <c r="V23" s="369"/>
      <c r="W23" s="323"/>
      <c r="X23" s="307"/>
      <c r="Y23" s="369"/>
    </row>
    <row r="24" spans="1:25" ht="20.25" customHeight="1">
      <c r="A24" s="364" t="s">
        <v>530</v>
      </c>
      <c r="B24" s="377">
        <v>278384</v>
      </c>
      <c r="C24" s="378" t="s">
        <v>518</v>
      </c>
      <c r="D24" s="366" t="s">
        <v>530</v>
      </c>
      <c r="E24" s="320">
        <v>25175</v>
      </c>
      <c r="F24" s="304">
        <v>12913</v>
      </c>
      <c r="G24" s="379">
        <v>12262</v>
      </c>
      <c r="H24" s="320">
        <v>24822</v>
      </c>
      <c r="I24" s="304">
        <v>12741</v>
      </c>
      <c r="J24" s="321">
        <v>12081</v>
      </c>
      <c r="K24" s="320">
        <v>24876</v>
      </c>
      <c r="L24" s="320">
        <v>12767</v>
      </c>
      <c r="M24" s="304">
        <v>12109</v>
      </c>
      <c r="N24" s="320">
        <v>54</v>
      </c>
      <c r="O24" s="320">
        <v>26</v>
      </c>
      <c r="P24" s="320">
        <v>28</v>
      </c>
      <c r="Q24" s="320">
        <v>353</v>
      </c>
      <c r="R24" s="304">
        <v>172</v>
      </c>
      <c r="S24" s="321">
        <v>181</v>
      </c>
      <c r="T24" s="320">
        <v>17023</v>
      </c>
      <c r="U24" s="304">
        <v>8694</v>
      </c>
      <c r="V24" s="379">
        <v>8329</v>
      </c>
      <c r="W24" s="320">
        <v>16670</v>
      </c>
      <c r="X24" s="304">
        <v>8522</v>
      </c>
      <c r="Y24" s="379">
        <v>8148</v>
      </c>
    </row>
    <row r="25" spans="1:25" ht="20.25" customHeight="1">
      <c r="A25" s="370"/>
      <c r="B25" s="377">
        <v>317974</v>
      </c>
      <c r="C25" s="380" t="s">
        <v>520</v>
      </c>
      <c r="D25" s="480"/>
      <c r="E25" s="320">
        <v>2002</v>
      </c>
      <c r="F25" s="304">
        <v>1087</v>
      </c>
      <c r="G25" s="379">
        <v>915</v>
      </c>
      <c r="H25" s="320">
        <v>-54</v>
      </c>
      <c r="I25" s="304">
        <v>-30</v>
      </c>
      <c r="J25" s="321">
        <v>-24</v>
      </c>
      <c r="K25" s="320" t="s">
        <v>72</v>
      </c>
      <c r="L25" s="304" t="s">
        <v>72</v>
      </c>
      <c r="M25" s="321" t="s">
        <v>72</v>
      </c>
      <c r="N25" s="320">
        <v>54</v>
      </c>
      <c r="O25" s="320">
        <v>30</v>
      </c>
      <c r="P25" s="320">
        <v>24</v>
      </c>
      <c r="Q25" s="320">
        <v>2056</v>
      </c>
      <c r="R25" s="304">
        <v>1117</v>
      </c>
      <c r="S25" s="321">
        <v>939</v>
      </c>
      <c r="T25" s="320">
        <v>9805</v>
      </c>
      <c r="U25" s="304">
        <v>5154</v>
      </c>
      <c r="V25" s="379">
        <v>4651</v>
      </c>
      <c r="W25" s="320">
        <v>7749</v>
      </c>
      <c r="X25" s="304">
        <v>4037</v>
      </c>
      <c r="Y25" s="379">
        <v>3712</v>
      </c>
    </row>
    <row r="26" spans="1:25" ht="20.25" customHeight="1">
      <c r="A26" s="1038" t="s">
        <v>461</v>
      </c>
      <c r="B26" s="377">
        <v>400821</v>
      </c>
      <c r="C26" s="380" t="s">
        <v>521</v>
      </c>
      <c r="D26" s="1040" t="s">
        <v>531</v>
      </c>
      <c r="E26" s="320">
        <v>5140</v>
      </c>
      <c r="F26" s="304">
        <v>2242</v>
      </c>
      <c r="G26" s="379">
        <v>2898</v>
      </c>
      <c r="H26" s="320">
        <v>-132</v>
      </c>
      <c r="I26" s="304">
        <v>-89</v>
      </c>
      <c r="J26" s="321">
        <v>-43</v>
      </c>
      <c r="K26" s="320" t="s">
        <v>72</v>
      </c>
      <c r="L26" s="304" t="s">
        <v>72</v>
      </c>
      <c r="M26" s="321" t="s">
        <v>72</v>
      </c>
      <c r="N26" s="320">
        <v>132</v>
      </c>
      <c r="O26" s="320">
        <v>89</v>
      </c>
      <c r="P26" s="320">
        <v>43</v>
      </c>
      <c r="Q26" s="320">
        <v>5272</v>
      </c>
      <c r="R26" s="304">
        <v>2331</v>
      </c>
      <c r="S26" s="321">
        <v>2941</v>
      </c>
      <c r="T26" s="320">
        <v>79760</v>
      </c>
      <c r="U26" s="304">
        <v>41039</v>
      </c>
      <c r="V26" s="379">
        <v>38721</v>
      </c>
      <c r="W26" s="320">
        <v>74488</v>
      </c>
      <c r="X26" s="304">
        <v>38708</v>
      </c>
      <c r="Y26" s="379">
        <v>35780</v>
      </c>
    </row>
    <row r="27" spans="1:25" ht="20.25" customHeight="1">
      <c r="A27" s="1038"/>
      <c r="B27" s="377">
        <v>419985</v>
      </c>
      <c r="C27" s="380" t="s">
        <v>523</v>
      </c>
      <c r="D27" s="1040"/>
      <c r="E27" s="320">
        <v>1162</v>
      </c>
      <c r="F27" s="304">
        <v>338</v>
      </c>
      <c r="G27" s="379">
        <v>824</v>
      </c>
      <c r="H27" s="320">
        <v>-213</v>
      </c>
      <c r="I27" s="304">
        <v>-134</v>
      </c>
      <c r="J27" s="321">
        <v>-79</v>
      </c>
      <c r="K27" s="320" t="s">
        <v>72</v>
      </c>
      <c r="L27" s="304" t="s">
        <v>72</v>
      </c>
      <c r="M27" s="321" t="s">
        <v>72</v>
      </c>
      <c r="N27" s="320">
        <v>213</v>
      </c>
      <c r="O27" s="320">
        <v>134</v>
      </c>
      <c r="P27" s="320">
        <v>79</v>
      </c>
      <c r="Q27" s="320">
        <v>1375</v>
      </c>
      <c r="R27" s="304">
        <v>472</v>
      </c>
      <c r="S27" s="321">
        <v>903</v>
      </c>
      <c r="T27" s="320">
        <v>51686</v>
      </c>
      <c r="U27" s="304">
        <v>27832</v>
      </c>
      <c r="V27" s="379">
        <v>23854</v>
      </c>
      <c r="W27" s="320">
        <v>50311</v>
      </c>
      <c r="X27" s="304">
        <v>27360</v>
      </c>
      <c r="Y27" s="379">
        <v>22951</v>
      </c>
    </row>
    <row r="28" spans="1:25" ht="20.25" customHeight="1">
      <c r="A28" s="1038"/>
      <c r="B28" s="355">
        <v>553281</v>
      </c>
      <c r="C28" s="381" t="s">
        <v>524</v>
      </c>
      <c r="D28" s="1040"/>
      <c r="E28" s="323">
        <v>-65</v>
      </c>
      <c r="F28" s="307">
        <v>-342</v>
      </c>
      <c r="G28" s="369">
        <v>277</v>
      </c>
      <c r="H28" s="307">
        <v>-554</v>
      </c>
      <c r="I28" s="307">
        <v>-347</v>
      </c>
      <c r="J28" s="324">
        <v>-207</v>
      </c>
      <c r="K28" s="307" t="s">
        <v>72</v>
      </c>
      <c r="L28" s="307" t="s">
        <v>72</v>
      </c>
      <c r="M28" s="324" t="s">
        <v>72</v>
      </c>
      <c r="N28" s="323">
        <v>554</v>
      </c>
      <c r="O28" s="323">
        <v>347</v>
      </c>
      <c r="P28" s="323">
        <v>207</v>
      </c>
      <c r="Q28" s="323">
        <v>489</v>
      </c>
      <c r="R28" s="307">
        <v>5</v>
      </c>
      <c r="S28" s="324">
        <v>484</v>
      </c>
      <c r="T28" s="323">
        <v>23663</v>
      </c>
      <c r="U28" s="307">
        <v>13358</v>
      </c>
      <c r="V28" s="369">
        <v>10305</v>
      </c>
      <c r="W28" s="323">
        <v>23174</v>
      </c>
      <c r="X28" s="307">
        <v>13353</v>
      </c>
      <c r="Y28" s="369">
        <v>9821</v>
      </c>
    </row>
    <row r="29" spans="1:25" ht="20.25" customHeight="1">
      <c r="A29" s="1038"/>
      <c r="B29" s="377">
        <v>570572</v>
      </c>
      <c r="C29" s="380" t="s">
        <v>525</v>
      </c>
      <c r="D29" s="1040"/>
      <c r="E29" s="320">
        <v>-2269</v>
      </c>
      <c r="F29" s="304">
        <v>-1448</v>
      </c>
      <c r="G29" s="379">
        <v>-821</v>
      </c>
      <c r="H29" s="320">
        <v>-1484</v>
      </c>
      <c r="I29" s="304">
        <v>-960</v>
      </c>
      <c r="J29" s="321">
        <v>-524</v>
      </c>
      <c r="K29" s="320" t="s">
        <v>72</v>
      </c>
      <c r="L29" s="304" t="s">
        <v>72</v>
      </c>
      <c r="M29" s="304" t="s">
        <v>72</v>
      </c>
      <c r="N29" s="320">
        <v>1484</v>
      </c>
      <c r="O29" s="320">
        <v>960</v>
      </c>
      <c r="P29" s="320">
        <v>524</v>
      </c>
      <c r="Q29" s="320">
        <v>-785</v>
      </c>
      <c r="R29" s="304">
        <v>-488</v>
      </c>
      <c r="S29" s="321">
        <v>-297</v>
      </c>
      <c r="T29" s="320">
        <v>15149</v>
      </c>
      <c r="U29" s="304">
        <v>8543</v>
      </c>
      <c r="V29" s="379">
        <v>6606</v>
      </c>
      <c r="W29" s="320">
        <v>15934</v>
      </c>
      <c r="X29" s="304">
        <v>9031</v>
      </c>
      <c r="Y29" s="379">
        <v>6903</v>
      </c>
    </row>
    <row r="30" spans="1:25" ht="20.25" customHeight="1">
      <c r="A30" s="1038"/>
      <c r="B30" s="377">
        <v>398830</v>
      </c>
      <c r="C30" s="380" t="s">
        <v>526</v>
      </c>
      <c r="D30" s="1040"/>
      <c r="E30" s="320">
        <v>-4045</v>
      </c>
      <c r="F30" s="304">
        <v>-2747</v>
      </c>
      <c r="G30" s="379">
        <v>-1298</v>
      </c>
      <c r="H30" s="320">
        <v>-2674</v>
      </c>
      <c r="I30" s="304">
        <v>-1874</v>
      </c>
      <c r="J30" s="321">
        <v>-800</v>
      </c>
      <c r="K30" s="320" t="s">
        <v>72</v>
      </c>
      <c r="L30" s="304" t="s">
        <v>72</v>
      </c>
      <c r="M30" s="321" t="s">
        <v>72</v>
      </c>
      <c r="N30" s="320">
        <v>2674</v>
      </c>
      <c r="O30" s="320">
        <v>1874</v>
      </c>
      <c r="P30" s="320">
        <v>800</v>
      </c>
      <c r="Q30" s="320">
        <v>-1371</v>
      </c>
      <c r="R30" s="304">
        <v>-873</v>
      </c>
      <c r="S30" s="321">
        <v>-498</v>
      </c>
      <c r="T30" s="320">
        <v>7251</v>
      </c>
      <c r="U30" s="304">
        <v>4151</v>
      </c>
      <c r="V30" s="379">
        <v>3100</v>
      </c>
      <c r="W30" s="320">
        <v>8622</v>
      </c>
      <c r="X30" s="304">
        <v>5024</v>
      </c>
      <c r="Y30" s="379">
        <v>3598</v>
      </c>
    </row>
    <row r="31" spans="1:25" ht="20.25" customHeight="1">
      <c r="A31" s="1038"/>
      <c r="B31" s="377">
        <v>423131</v>
      </c>
      <c r="C31" s="380" t="s">
        <v>527</v>
      </c>
      <c r="D31" s="1040"/>
      <c r="E31" s="320">
        <v>-7781</v>
      </c>
      <c r="F31" s="304">
        <v>-5200</v>
      </c>
      <c r="G31" s="379">
        <v>-2581</v>
      </c>
      <c r="H31" s="320">
        <v>-7419</v>
      </c>
      <c r="I31" s="304">
        <v>-4900</v>
      </c>
      <c r="J31" s="321">
        <v>-2519</v>
      </c>
      <c r="K31" s="320" t="s">
        <v>72</v>
      </c>
      <c r="L31" s="304" t="s">
        <v>72</v>
      </c>
      <c r="M31" s="321" t="s">
        <v>72</v>
      </c>
      <c r="N31" s="320">
        <v>7419</v>
      </c>
      <c r="O31" s="320">
        <v>4900</v>
      </c>
      <c r="P31" s="320">
        <v>2519</v>
      </c>
      <c r="Q31" s="320">
        <v>-362</v>
      </c>
      <c r="R31" s="304">
        <v>-300</v>
      </c>
      <c r="S31" s="321">
        <v>-62</v>
      </c>
      <c r="T31" s="320">
        <v>5163</v>
      </c>
      <c r="U31" s="304">
        <v>2447</v>
      </c>
      <c r="V31" s="379">
        <v>2716</v>
      </c>
      <c r="W31" s="320">
        <v>5525</v>
      </c>
      <c r="X31" s="304">
        <v>2747</v>
      </c>
      <c r="Y31" s="379">
        <v>2778</v>
      </c>
    </row>
    <row r="32" spans="1:25" ht="20.25" customHeight="1">
      <c r="A32" s="1038"/>
      <c r="B32" s="377">
        <v>250832</v>
      </c>
      <c r="C32" s="380" t="s">
        <v>528</v>
      </c>
      <c r="D32" s="1040"/>
      <c r="E32" s="320">
        <v>-13022</v>
      </c>
      <c r="F32" s="304">
        <v>-7293</v>
      </c>
      <c r="G32" s="379">
        <v>-5729</v>
      </c>
      <c r="H32" s="320">
        <v>-13139</v>
      </c>
      <c r="I32" s="304">
        <v>-7239</v>
      </c>
      <c r="J32" s="321">
        <v>-5900</v>
      </c>
      <c r="K32" s="320" t="s">
        <v>72</v>
      </c>
      <c r="L32" s="304" t="s">
        <v>72</v>
      </c>
      <c r="M32" s="321" t="s">
        <v>72</v>
      </c>
      <c r="N32" s="320">
        <v>13139</v>
      </c>
      <c r="O32" s="320">
        <v>7239</v>
      </c>
      <c r="P32" s="320">
        <v>5900</v>
      </c>
      <c r="Q32" s="320">
        <v>117</v>
      </c>
      <c r="R32" s="304">
        <v>-54</v>
      </c>
      <c r="S32" s="321">
        <v>171</v>
      </c>
      <c r="T32" s="320">
        <v>3863</v>
      </c>
      <c r="U32" s="304">
        <v>1236</v>
      </c>
      <c r="V32" s="379">
        <v>2627</v>
      </c>
      <c r="W32" s="320">
        <v>3746</v>
      </c>
      <c r="X32" s="304">
        <v>1290</v>
      </c>
      <c r="Y32" s="379">
        <v>2456</v>
      </c>
    </row>
    <row r="33" spans="1:25" ht="20.25" customHeight="1">
      <c r="A33" s="1038"/>
      <c r="B33" s="355">
        <v>57573</v>
      </c>
      <c r="C33" s="381" t="s">
        <v>529</v>
      </c>
      <c r="D33" s="1040"/>
      <c r="E33" s="323">
        <v>-9640</v>
      </c>
      <c r="F33" s="307">
        <v>-3460</v>
      </c>
      <c r="G33" s="369">
        <v>-6180</v>
      </c>
      <c r="H33" s="323">
        <v>-9700</v>
      </c>
      <c r="I33" s="307">
        <v>-3438</v>
      </c>
      <c r="J33" s="324">
        <v>-6262</v>
      </c>
      <c r="K33" s="323" t="s">
        <v>72</v>
      </c>
      <c r="L33" s="307" t="s">
        <v>72</v>
      </c>
      <c r="M33" s="324" t="s">
        <v>72</v>
      </c>
      <c r="N33" s="323">
        <v>9700</v>
      </c>
      <c r="O33" s="323">
        <v>3438</v>
      </c>
      <c r="P33" s="323">
        <v>6262</v>
      </c>
      <c r="Q33" s="323">
        <v>60</v>
      </c>
      <c r="R33" s="307">
        <v>-22</v>
      </c>
      <c r="S33" s="324">
        <v>82</v>
      </c>
      <c r="T33" s="323">
        <v>1341</v>
      </c>
      <c r="U33" s="307">
        <v>330</v>
      </c>
      <c r="V33" s="369">
        <v>1011</v>
      </c>
      <c r="W33" s="323">
        <v>1281</v>
      </c>
      <c r="X33" s="307">
        <v>352</v>
      </c>
      <c r="Y33" s="369">
        <v>929</v>
      </c>
    </row>
    <row r="34" spans="1:25" ht="20.25" customHeight="1" thickBot="1">
      <c r="A34" s="1039"/>
      <c r="B34" s="881">
        <v>1857</v>
      </c>
      <c r="C34" s="247" t="s">
        <v>457</v>
      </c>
      <c r="D34" s="882"/>
      <c r="E34" s="883">
        <v>-914</v>
      </c>
      <c r="F34" s="884">
        <v>-146</v>
      </c>
      <c r="G34" s="885">
        <v>-768</v>
      </c>
      <c r="H34" s="884">
        <v>-910</v>
      </c>
      <c r="I34" s="884">
        <v>-141</v>
      </c>
      <c r="J34" s="886">
        <v>-769</v>
      </c>
      <c r="K34" s="883" t="s">
        <v>72</v>
      </c>
      <c r="L34" s="884" t="s">
        <v>72</v>
      </c>
      <c r="M34" s="884" t="s">
        <v>72</v>
      </c>
      <c r="N34" s="883">
        <v>910</v>
      </c>
      <c r="O34" s="883">
        <v>141</v>
      </c>
      <c r="P34" s="883">
        <v>769</v>
      </c>
      <c r="Q34" s="883">
        <v>-4</v>
      </c>
      <c r="R34" s="884">
        <v>-5</v>
      </c>
      <c r="S34" s="886">
        <v>1</v>
      </c>
      <c r="T34" s="883">
        <v>39</v>
      </c>
      <c r="U34" s="884">
        <v>8</v>
      </c>
      <c r="V34" s="885">
        <v>31</v>
      </c>
      <c r="W34" s="883">
        <v>43</v>
      </c>
      <c r="X34" s="884">
        <v>13</v>
      </c>
      <c r="Y34" s="885">
        <v>30</v>
      </c>
    </row>
    <row r="35" spans="1:25" ht="20.25" customHeight="1" thickTop="1">
      <c r="A35" s="371"/>
      <c r="B35" s="481" t="s">
        <v>192</v>
      </c>
      <c r="C35" s="239"/>
      <c r="D35" s="477"/>
      <c r="E35" s="482" t="s">
        <v>192</v>
      </c>
      <c r="F35" s="482" t="s">
        <v>192</v>
      </c>
      <c r="G35" s="483" t="s">
        <v>192</v>
      </c>
      <c r="H35" s="484" t="s">
        <v>192</v>
      </c>
      <c r="I35" s="482" t="s">
        <v>192</v>
      </c>
      <c r="J35" s="483" t="s">
        <v>192</v>
      </c>
      <c r="K35" s="484" t="s">
        <v>192</v>
      </c>
      <c r="L35" s="482" t="s">
        <v>192</v>
      </c>
      <c r="M35" s="482" t="s">
        <v>192</v>
      </c>
      <c r="N35" s="484" t="s">
        <v>192</v>
      </c>
      <c r="O35" s="484" t="s">
        <v>192</v>
      </c>
      <c r="P35" s="484" t="s">
        <v>192</v>
      </c>
      <c r="Q35" s="482" t="s">
        <v>192</v>
      </c>
      <c r="R35" s="482" t="s">
        <v>192</v>
      </c>
      <c r="S35" s="483" t="s">
        <v>192</v>
      </c>
      <c r="T35" s="484" t="s">
        <v>192</v>
      </c>
      <c r="U35" s="482" t="s">
        <v>192</v>
      </c>
      <c r="V35" s="483" t="s">
        <v>192</v>
      </c>
      <c r="W35" s="484" t="s">
        <v>192</v>
      </c>
      <c r="X35" s="482" t="s">
        <v>192</v>
      </c>
      <c r="Y35" s="483" t="s">
        <v>192</v>
      </c>
    </row>
    <row r="36" spans="1:25" ht="20.25" customHeight="1">
      <c r="A36" s="371" t="s">
        <v>517</v>
      </c>
      <c r="B36" s="485">
        <v>-2434</v>
      </c>
      <c r="C36" s="365" t="s">
        <v>194</v>
      </c>
      <c r="D36" s="371" t="s">
        <v>517</v>
      </c>
      <c r="E36" s="373">
        <v>1823</v>
      </c>
      <c r="F36" s="373">
        <v>1207</v>
      </c>
      <c r="G36" s="373">
        <v>616</v>
      </c>
      <c r="H36" s="373">
        <v>-4282</v>
      </c>
      <c r="I36" s="373">
        <v>-2550</v>
      </c>
      <c r="J36" s="373">
        <v>-1732</v>
      </c>
      <c r="K36" s="373">
        <v>-1091</v>
      </c>
      <c r="L36" s="373">
        <v>-765</v>
      </c>
      <c r="M36" s="373">
        <v>-326</v>
      </c>
      <c r="N36" s="373">
        <v>3191</v>
      </c>
      <c r="O36" s="373">
        <v>1785</v>
      </c>
      <c r="P36" s="373">
        <v>1406</v>
      </c>
      <c r="Q36" s="373">
        <v>6105</v>
      </c>
      <c r="R36" s="373">
        <v>3757</v>
      </c>
      <c r="S36" s="373">
        <v>2348</v>
      </c>
      <c r="T36" s="373">
        <v>5453</v>
      </c>
      <c r="U36" s="373">
        <v>3426</v>
      </c>
      <c r="V36" s="373">
        <v>2027</v>
      </c>
      <c r="W36" s="373">
        <v>-652</v>
      </c>
      <c r="X36" s="373">
        <v>-331</v>
      </c>
      <c r="Y36" s="373">
        <v>-321</v>
      </c>
    </row>
    <row r="37" spans="1:25" ht="12.75" customHeight="1">
      <c r="A37" s="371" t="s">
        <v>532</v>
      </c>
      <c r="B37" s="382"/>
      <c r="C37" s="341"/>
      <c r="D37" s="368" t="s">
        <v>532</v>
      </c>
      <c r="E37" s="383"/>
      <c r="F37" s="383"/>
      <c r="G37" s="383"/>
      <c r="H37" s="383"/>
      <c r="I37" s="383"/>
      <c r="J37" s="383"/>
      <c r="K37" s="383"/>
      <c r="L37" s="383"/>
      <c r="M37" s="383"/>
      <c r="N37" s="383"/>
      <c r="O37" s="383"/>
      <c r="P37" s="383"/>
      <c r="Q37" s="383"/>
      <c r="R37" s="383"/>
      <c r="S37" s="383"/>
      <c r="T37" s="383"/>
      <c r="U37" s="383"/>
      <c r="V37" s="383"/>
      <c r="W37" s="383"/>
      <c r="X37" s="383"/>
      <c r="Y37" s="383"/>
    </row>
    <row r="38" spans="1:25" ht="20.25" customHeight="1">
      <c r="A38" s="371" t="s">
        <v>530</v>
      </c>
      <c r="B38" s="486">
        <v>-6823</v>
      </c>
      <c r="C38" s="378" t="s">
        <v>518</v>
      </c>
      <c r="D38" s="368" t="s">
        <v>530</v>
      </c>
      <c r="E38" s="373">
        <v>-1397</v>
      </c>
      <c r="F38" s="373">
        <v>-855</v>
      </c>
      <c r="G38" s="373">
        <v>-542</v>
      </c>
      <c r="H38" s="373">
        <v>-1114</v>
      </c>
      <c r="I38" s="373">
        <v>-782</v>
      </c>
      <c r="J38" s="373">
        <v>-332</v>
      </c>
      <c r="K38" s="373">
        <v>-1091</v>
      </c>
      <c r="L38" s="373">
        <v>-765</v>
      </c>
      <c r="M38" s="373">
        <v>-326</v>
      </c>
      <c r="N38" s="373">
        <v>23</v>
      </c>
      <c r="O38" s="373">
        <v>17</v>
      </c>
      <c r="P38" s="373">
        <v>6</v>
      </c>
      <c r="Q38" s="373">
        <v>-283</v>
      </c>
      <c r="R38" s="373">
        <v>-73</v>
      </c>
      <c r="S38" s="373">
        <v>-210</v>
      </c>
      <c r="T38" s="373">
        <v>-190</v>
      </c>
      <c r="U38" s="373">
        <v>40</v>
      </c>
      <c r="V38" s="373">
        <v>-230</v>
      </c>
      <c r="W38" s="373">
        <v>93</v>
      </c>
      <c r="X38" s="373">
        <v>113</v>
      </c>
      <c r="Y38" s="373">
        <v>-20</v>
      </c>
    </row>
    <row r="39" spans="1:25" ht="20.25" customHeight="1">
      <c r="A39" s="1038" t="s">
        <v>533</v>
      </c>
      <c r="B39" s="486">
        <v>-1703</v>
      </c>
      <c r="C39" s="380" t="s">
        <v>520</v>
      </c>
      <c r="D39" s="1040" t="s">
        <v>534</v>
      </c>
      <c r="E39" s="373">
        <v>764</v>
      </c>
      <c r="F39" s="373">
        <v>298</v>
      </c>
      <c r="G39" s="373">
        <v>466</v>
      </c>
      <c r="H39" s="373">
        <v>25</v>
      </c>
      <c r="I39" s="373">
        <v>18</v>
      </c>
      <c r="J39" s="373">
        <v>7</v>
      </c>
      <c r="K39" s="373" t="s">
        <v>72</v>
      </c>
      <c r="L39" s="373" t="s">
        <v>72</v>
      </c>
      <c r="M39" s="373" t="s">
        <v>72</v>
      </c>
      <c r="N39" s="373">
        <v>-25</v>
      </c>
      <c r="O39" s="373">
        <v>-18</v>
      </c>
      <c r="P39" s="373">
        <v>-7</v>
      </c>
      <c r="Q39" s="373">
        <v>739</v>
      </c>
      <c r="R39" s="373">
        <v>280</v>
      </c>
      <c r="S39" s="373">
        <v>459</v>
      </c>
      <c r="T39" s="373">
        <v>876</v>
      </c>
      <c r="U39" s="373">
        <v>402</v>
      </c>
      <c r="V39" s="373">
        <v>474</v>
      </c>
      <c r="W39" s="373">
        <v>137</v>
      </c>
      <c r="X39" s="373">
        <v>122</v>
      </c>
      <c r="Y39" s="373">
        <v>15</v>
      </c>
    </row>
    <row r="40" spans="1:25" ht="20.25" customHeight="1">
      <c r="A40" s="1038"/>
      <c r="B40" s="486">
        <v>6309</v>
      </c>
      <c r="C40" s="380" t="s">
        <v>521</v>
      </c>
      <c r="D40" s="1040"/>
      <c r="E40" s="373">
        <v>4619</v>
      </c>
      <c r="F40" s="373">
        <v>2806</v>
      </c>
      <c r="G40" s="373">
        <v>1813</v>
      </c>
      <c r="H40" s="373">
        <v>-24</v>
      </c>
      <c r="I40" s="373">
        <v>-7</v>
      </c>
      <c r="J40" s="373">
        <v>-17</v>
      </c>
      <c r="K40" s="373" t="s">
        <v>72</v>
      </c>
      <c r="L40" s="373" t="s">
        <v>72</v>
      </c>
      <c r="M40" s="373" t="s">
        <v>72</v>
      </c>
      <c r="N40" s="373">
        <v>24</v>
      </c>
      <c r="O40" s="373">
        <v>7</v>
      </c>
      <c r="P40" s="373">
        <v>17</v>
      </c>
      <c r="Q40" s="373">
        <v>4643</v>
      </c>
      <c r="R40" s="373">
        <v>2813</v>
      </c>
      <c r="S40" s="373">
        <v>1830</v>
      </c>
      <c r="T40" s="373">
        <v>4356</v>
      </c>
      <c r="U40" s="373">
        <v>2851</v>
      </c>
      <c r="V40" s="373">
        <v>1505</v>
      </c>
      <c r="W40" s="373">
        <v>-287</v>
      </c>
      <c r="X40" s="373">
        <v>38</v>
      </c>
      <c r="Y40" s="373">
        <v>-325</v>
      </c>
    </row>
    <row r="41" spans="1:25" ht="20.25" customHeight="1">
      <c r="A41" s="1038"/>
      <c r="B41" s="486">
        <v>-6318</v>
      </c>
      <c r="C41" s="380" t="s">
        <v>523</v>
      </c>
      <c r="D41" s="1040"/>
      <c r="E41" s="373">
        <v>89</v>
      </c>
      <c r="F41" s="373">
        <v>134</v>
      </c>
      <c r="G41" s="373">
        <v>-45</v>
      </c>
      <c r="H41" s="373">
        <v>12</v>
      </c>
      <c r="I41" s="373">
        <v>7</v>
      </c>
      <c r="J41" s="373">
        <v>5</v>
      </c>
      <c r="K41" s="373" t="s">
        <v>72</v>
      </c>
      <c r="L41" s="373" t="s">
        <v>72</v>
      </c>
      <c r="M41" s="373" t="s">
        <v>72</v>
      </c>
      <c r="N41" s="373">
        <v>-12</v>
      </c>
      <c r="O41" s="373">
        <v>-7</v>
      </c>
      <c r="P41" s="373">
        <v>-5</v>
      </c>
      <c r="Q41" s="373">
        <v>77</v>
      </c>
      <c r="R41" s="373">
        <v>127</v>
      </c>
      <c r="S41" s="373">
        <v>-50</v>
      </c>
      <c r="T41" s="373">
        <v>42</v>
      </c>
      <c r="U41" s="373">
        <v>66</v>
      </c>
      <c r="V41" s="373">
        <v>-24</v>
      </c>
      <c r="W41" s="373">
        <v>-35</v>
      </c>
      <c r="X41" s="373">
        <v>-61</v>
      </c>
      <c r="Y41" s="373">
        <v>26</v>
      </c>
    </row>
    <row r="42" spans="1:25" ht="20.25" customHeight="1">
      <c r="A42" s="1038"/>
      <c r="B42" s="486">
        <v>-18503</v>
      </c>
      <c r="C42" s="381" t="s">
        <v>524</v>
      </c>
      <c r="D42" s="1040"/>
      <c r="E42" s="383">
        <v>187</v>
      </c>
      <c r="F42" s="383">
        <v>335</v>
      </c>
      <c r="G42" s="383">
        <v>-148</v>
      </c>
      <c r="H42" s="383">
        <v>-24</v>
      </c>
      <c r="I42" s="383">
        <v>-8</v>
      </c>
      <c r="J42" s="383">
        <v>-16</v>
      </c>
      <c r="K42" s="383" t="s">
        <v>72</v>
      </c>
      <c r="L42" s="383" t="s">
        <v>72</v>
      </c>
      <c r="M42" s="383" t="s">
        <v>72</v>
      </c>
      <c r="N42" s="383">
        <v>24</v>
      </c>
      <c r="O42" s="383">
        <v>8</v>
      </c>
      <c r="P42" s="383">
        <v>16</v>
      </c>
      <c r="Q42" s="383">
        <v>211</v>
      </c>
      <c r="R42" s="383">
        <v>343</v>
      </c>
      <c r="S42" s="383">
        <v>-132</v>
      </c>
      <c r="T42" s="383">
        <v>-498</v>
      </c>
      <c r="U42" s="383">
        <v>-208</v>
      </c>
      <c r="V42" s="383">
        <v>-290</v>
      </c>
      <c r="W42" s="383">
        <v>-709</v>
      </c>
      <c r="X42" s="383">
        <v>-551</v>
      </c>
      <c r="Y42" s="383">
        <v>-158</v>
      </c>
    </row>
    <row r="43" spans="1:25" ht="20.25" customHeight="1">
      <c r="A43" s="1038"/>
      <c r="B43" s="487">
        <v>15456</v>
      </c>
      <c r="C43" s="380" t="s">
        <v>525</v>
      </c>
      <c r="D43" s="1040"/>
      <c r="E43" s="373">
        <v>111</v>
      </c>
      <c r="F43" s="373">
        <v>-77</v>
      </c>
      <c r="G43" s="373">
        <v>188</v>
      </c>
      <c r="H43" s="373">
        <v>-35</v>
      </c>
      <c r="I43" s="373">
        <v>-19</v>
      </c>
      <c r="J43" s="373">
        <v>-16</v>
      </c>
      <c r="K43" s="373" t="s">
        <v>72</v>
      </c>
      <c r="L43" s="373" t="s">
        <v>72</v>
      </c>
      <c r="M43" s="373" t="s">
        <v>72</v>
      </c>
      <c r="N43" s="373">
        <v>35</v>
      </c>
      <c r="O43" s="373">
        <v>19</v>
      </c>
      <c r="P43" s="373">
        <v>16</v>
      </c>
      <c r="Q43" s="373">
        <v>146</v>
      </c>
      <c r="R43" s="373">
        <v>-58</v>
      </c>
      <c r="S43" s="373">
        <v>204</v>
      </c>
      <c r="T43" s="373">
        <v>175</v>
      </c>
      <c r="U43" s="373">
        <v>-5</v>
      </c>
      <c r="V43" s="373">
        <v>180</v>
      </c>
      <c r="W43" s="373">
        <v>29</v>
      </c>
      <c r="X43" s="373">
        <v>53</v>
      </c>
      <c r="Y43" s="373">
        <v>-24</v>
      </c>
    </row>
    <row r="44" spans="1:25" ht="20.25" customHeight="1">
      <c r="A44" s="1038"/>
      <c r="B44" s="486">
        <v>1794</v>
      </c>
      <c r="C44" s="380" t="s">
        <v>526</v>
      </c>
      <c r="D44" s="1040"/>
      <c r="E44" s="373">
        <v>54</v>
      </c>
      <c r="F44" s="373">
        <v>7</v>
      </c>
      <c r="G44" s="373">
        <v>47</v>
      </c>
      <c r="H44" s="373">
        <v>-59</v>
      </c>
      <c r="I44" s="373">
        <v>-40</v>
      </c>
      <c r="J44" s="373">
        <v>-19</v>
      </c>
      <c r="K44" s="373" t="s">
        <v>72</v>
      </c>
      <c r="L44" s="373" t="s">
        <v>72</v>
      </c>
      <c r="M44" s="373" t="s">
        <v>72</v>
      </c>
      <c r="N44" s="373">
        <v>59</v>
      </c>
      <c r="O44" s="373">
        <v>40</v>
      </c>
      <c r="P44" s="373">
        <v>19</v>
      </c>
      <c r="Q44" s="373">
        <v>113</v>
      </c>
      <c r="R44" s="373">
        <v>47</v>
      </c>
      <c r="S44" s="373">
        <v>66</v>
      </c>
      <c r="T44" s="373">
        <v>30</v>
      </c>
      <c r="U44" s="373">
        <v>-33</v>
      </c>
      <c r="V44" s="373">
        <v>63</v>
      </c>
      <c r="W44" s="373">
        <v>-83</v>
      </c>
      <c r="X44" s="373">
        <v>-80</v>
      </c>
      <c r="Y44" s="373">
        <v>-3</v>
      </c>
    </row>
    <row r="45" spans="1:25" ht="20.25" customHeight="1">
      <c r="A45" s="1038"/>
      <c r="B45" s="486">
        <v>-3917</v>
      </c>
      <c r="C45" s="380" t="s">
        <v>527</v>
      </c>
      <c r="D45" s="1040"/>
      <c r="E45" s="373">
        <v>-114</v>
      </c>
      <c r="F45" s="373">
        <v>-212</v>
      </c>
      <c r="G45" s="373">
        <v>98</v>
      </c>
      <c r="H45" s="373">
        <v>-251</v>
      </c>
      <c r="I45" s="373">
        <v>-302</v>
      </c>
      <c r="J45" s="373">
        <v>51</v>
      </c>
      <c r="K45" s="373" t="s">
        <v>72</v>
      </c>
      <c r="L45" s="373" t="s">
        <v>72</v>
      </c>
      <c r="M45" s="373" t="s">
        <v>72</v>
      </c>
      <c r="N45" s="373">
        <v>251</v>
      </c>
      <c r="O45" s="373">
        <v>302</v>
      </c>
      <c r="P45" s="373">
        <v>-51</v>
      </c>
      <c r="Q45" s="373">
        <v>137</v>
      </c>
      <c r="R45" s="373">
        <v>90</v>
      </c>
      <c r="S45" s="373">
        <v>47</v>
      </c>
      <c r="T45" s="373">
        <v>82</v>
      </c>
      <c r="U45" s="373">
        <v>83</v>
      </c>
      <c r="V45" s="373">
        <v>-1</v>
      </c>
      <c r="W45" s="373">
        <v>-55</v>
      </c>
      <c r="X45" s="373">
        <v>-7</v>
      </c>
      <c r="Y45" s="373">
        <v>-48</v>
      </c>
    </row>
    <row r="46" spans="1:25" ht="20.25" customHeight="1">
      <c r="A46" s="1038"/>
      <c r="B46" s="486">
        <v>7772</v>
      </c>
      <c r="C46" s="380" t="s">
        <v>528</v>
      </c>
      <c r="D46" s="1040"/>
      <c r="E46" s="373">
        <v>-999</v>
      </c>
      <c r="F46" s="373">
        <v>-596</v>
      </c>
      <c r="G46" s="373">
        <v>-403</v>
      </c>
      <c r="H46" s="373">
        <v>-1263</v>
      </c>
      <c r="I46" s="373">
        <v>-736</v>
      </c>
      <c r="J46" s="373">
        <v>-527</v>
      </c>
      <c r="K46" s="373" t="s">
        <v>72</v>
      </c>
      <c r="L46" s="373" t="s">
        <v>72</v>
      </c>
      <c r="M46" s="373" t="s">
        <v>72</v>
      </c>
      <c r="N46" s="373">
        <v>1263</v>
      </c>
      <c r="O46" s="373">
        <v>736</v>
      </c>
      <c r="P46" s="373">
        <v>527</v>
      </c>
      <c r="Q46" s="373">
        <v>264</v>
      </c>
      <c r="R46" s="373">
        <v>140</v>
      </c>
      <c r="S46" s="373">
        <v>124</v>
      </c>
      <c r="T46" s="373">
        <v>463</v>
      </c>
      <c r="U46" s="373">
        <v>187</v>
      </c>
      <c r="V46" s="373">
        <v>276</v>
      </c>
      <c r="W46" s="373">
        <v>199</v>
      </c>
      <c r="X46" s="373">
        <v>47</v>
      </c>
      <c r="Y46" s="373">
        <v>152</v>
      </c>
    </row>
    <row r="47" spans="1:25" ht="20.25" customHeight="1">
      <c r="A47" s="1038"/>
      <c r="B47" s="488">
        <v>3471</v>
      </c>
      <c r="C47" s="381" t="s">
        <v>529</v>
      </c>
      <c r="D47" s="1040"/>
      <c r="E47" s="383">
        <v>-1435</v>
      </c>
      <c r="F47" s="383">
        <v>-614</v>
      </c>
      <c r="G47" s="383">
        <v>-821</v>
      </c>
      <c r="H47" s="383">
        <v>-1485</v>
      </c>
      <c r="I47" s="383">
        <v>-660</v>
      </c>
      <c r="J47" s="383">
        <v>-825</v>
      </c>
      <c r="K47" s="383" t="s">
        <v>72</v>
      </c>
      <c r="L47" s="383" t="s">
        <v>72</v>
      </c>
      <c r="M47" s="383" t="s">
        <v>72</v>
      </c>
      <c r="N47" s="383">
        <v>1485</v>
      </c>
      <c r="O47" s="383">
        <v>660</v>
      </c>
      <c r="P47" s="383">
        <v>825</v>
      </c>
      <c r="Q47" s="383">
        <v>50</v>
      </c>
      <c r="R47" s="383">
        <v>46</v>
      </c>
      <c r="S47" s="383">
        <v>4</v>
      </c>
      <c r="T47" s="383">
        <v>117</v>
      </c>
      <c r="U47" s="383">
        <v>46</v>
      </c>
      <c r="V47" s="383">
        <v>71</v>
      </c>
      <c r="W47" s="383">
        <v>67</v>
      </c>
      <c r="X47" s="383">
        <v>0</v>
      </c>
      <c r="Y47" s="383">
        <v>67</v>
      </c>
    </row>
    <row r="48" spans="1:25" ht="20.25" customHeight="1" thickBot="1">
      <c r="A48" s="1041"/>
      <c r="B48" s="889">
        <v>28</v>
      </c>
      <c r="C48" s="247" t="s">
        <v>457</v>
      </c>
      <c r="D48" s="1042"/>
      <c r="E48" s="888">
        <v>-56</v>
      </c>
      <c r="F48" s="888">
        <v>-19</v>
      </c>
      <c r="G48" s="888">
        <v>-37</v>
      </c>
      <c r="H48" s="888">
        <v>-64</v>
      </c>
      <c r="I48" s="888">
        <v>-21</v>
      </c>
      <c r="J48" s="888">
        <v>-43</v>
      </c>
      <c r="K48" s="888" t="s">
        <v>72</v>
      </c>
      <c r="L48" s="888" t="s">
        <v>72</v>
      </c>
      <c r="M48" s="888" t="s">
        <v>72</v>
      </c>
      <c r="N48" s="888">
        <v>64</v>
      </c>
      <c r="O48" s="888">
        <v>21</v>
      </c>
      <c r="P48" s="888">
        <v>43</v>
      </c>
      <c r="Q48" s="888">
        <v>8</v>
      </c>
      <c r="R48" s="888">
        <v>2</v>
      </c>
      <c r="S48" s="888">
        <v>6</v>
      </c>
      <c r="T48" s="888">
        <v>0</v>
      </c>
      <c r="U48" s="888">
        <v>-3</v>
      </c>
      <c r="V48" s="888">
        <v>3</v>
      </c>
      <c r="W48" s="888">
        <v>-8</v>
      </c>
      <c r="X48" s="888">
        <v>-5</v>
      </c>
      <c r="Y48" s="888">
        <v>-3</v>
      </c>
    </row>
    <row r="49" spans="1:25" ht="9.75" customHeight="1" thickTop="1">
      <c r="A49" s="384"/>
      <c r="B49" s="386"/>
      <c r="C49" s="386"/>
      <c r="D49" s="386"/>
      <c r="E49" s="386"/>
      <c r="F49" s="386"/>
      <c r="G49" s="386"/>
      <c r="H49" s="386"/>
      <c r="I49" s="386"/>
    </row>
    <row r="50" spans="1:25" ht="16.5" customHeight="1">
      <c r="A50" s="489" t="s">
        <v>463</v>
      </c>
      <c r="C50" s="490"/>
      <c r="D50" s="490"/>
      <c r="E50" s="490"/>
      <c r="F50" s="490"/>
      <c r="G50" s="490"/>
      <c r="H50" s="490"/>
      <c r="I50" s="490"/>
      <c r="J50" s="490"/>
      <c r="K50" s="491"/>
      <c r="L50" s="353"/>
      <c r="M50" s="353"/>
      <c r="N50" s="353"/>
      <c r="O50" s="353"/>
      <c r="P50" s="353"/>
      <c r="Q50" s="353"/>
      <c r="R50" s="353"/>
      <c r="S50" s="353"/>
      <c r="T50" s="353"/>
      <c r="U50" s="353"/>
      <c r="V50" s="353"/>
      <c r="W50" s="353"/>
      <c r="X50" s="353"/>
      <c r="Y50" s="353"/>
    </row>
    <row r="51" spans="1:25" ht="16.5" customHeight="1">
      <c r="A51" s="489" t="s">
        <v>464</v>
      </c>
      <c r="C51" s="492"/>
      <c r="D51" s="492"/>
      <c r="E51" s="492"/>
      <c r="F51" s="492"/>
      <c r="G51" s="492"/>
      <c r="H51" s="492"/>
      <c r="I51" s="492"/>
      <c r="J51" s="492"/>
      <c r="K51" s="492"/>
      <c r="L51" s="353"/>
      <c r="M51" s="353"/>
      <c r="N51" s="353"/>
      <c r="O51" s="353"/>
      <c r="P51" s="353"/>
      <c r="Q51" s="353"/>
      <c r="R51" s="353"/>
      <c r="S51" s="353"/>
      <c r="T51" s="353"/>
      <c r="U51" s="353"/>
      <c r="V51" s="353"/>
      <c r="W51" s="353"/>
      <c r="X51" s="353"/>
      <c r="Y51" s="353"/>
    </row>
    <row r="52" spans="1:25" ht="16.5" customHeight="1">
      <c r="A52" s="489" t="s">
        <v>465</v>
      </c>
      <c r="C52" s="353"/>
      <c r="D52" s="353"/>
      <c r="E52" s="353"/>
      <c r="F52" s="353"/>
      <c r="G52" s="353"/>
      <c r="H52" s="353"/>
      <c r="I52" s="353"/>
      <c r="J52" s="353"/>
      <c r="K52" s="353"/>
      <c r="L52" s="353"/>
      <c r="M52" s="353"/>
      <c r="N52" s="353"/>
      <c r="O52" s="353"/>
      <c r="P52" s="353"/>
      <c r="Q52" s="353"/>
      <c r="R52" s="353"/>
      <c r="S52" s="353"/>
      <c r="T52" s="353"/>
      <c r="U52" s="353"/>
      <c r="V52" s="353"/>
      <c r="W52" s="353"/>
      <c r="X52" s="353"/>
      <c r="Y52" s="353"/>
    </row>
    <row r="57" spans="1:25">
      <c r="B57" s="386"/>
    </row>
  </sheetData>
  <mergeCells count="21">
    <mergeCell ref="A4:B4"/>
    <mergeCell ref="E4:G4"/>
    <mergeCell ref="H4:J4"/>
    <mergeCell ref="K4:M4"/>
    <mergeCell ref="N4:P4"/>
    <mergeCell ref="T4:V4"/>
    <mergeCell ref="W4:Y4"/>
    <mergeCell ref="E5:G5"/>
    <mergeCell ref="H5:J5"/>
    <mergeCell ref="K5:M5"/>
    <mergeCell ref="N5:P5"/>
    <mergeCell ref="Q5:S5"/>
    <mergeCell ref="T5:V5"/>
    <mergeCell ref="W5:Y5"/>
    <mergeCell ref="Q4:S4"/>
    <mergeCell ref="A12:A20"/>
    <mergeCell ref="D12:D19"/>
    <mergeCell ref="A26:A34"/>
    <mergeCell ref="D26:D33"/>
    <mergeCell ref="A39:A48"/>
    <mergeCell ref="D39:D48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80" orientation="landscape" blackAndWhite="1" r:id="rId1"/>
  <headerFooter scaleWithDoc="0"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57"/>
  <sheetViews>
    <sheetView view="pageBreakPreview" zoomScale="80" zoomScaleNormal="80" zoomScaleSheetLayoutView="80" workbookViewId="0"/>
  </sheetViews>
  <sheetFormatPr defaultRowHeight="13.5"/>
  <cols>
    <col min="1" max="1" width="5.625" style="151" customWidth="1"/>
    <col min="2" max="2" width="15" style="151" customWidth="1"/>
    <col min="3" max="3" width="12.5" style="151" customWidth="1"/>
    <col min="4" max="4" width="5.625" style="151" customWidth="1"/>
    <col min="5" max="25" width="10" style="151" customWidth="1"/>
    <col min="26" max="16384" width="9" style="151"/>
  </cols>
  <sheetData>
    <row r="1" spans="1:25" ht="21" customHeight="1" thickBot="1">
      <c r="A1" s="658" t="s">
        <v>536</v>
      </c>
      <c r="C1" s="329"/>
      <c r="D1" s="329"/>
      <c r="E1" s="329"/>
      <c r="F1" s="329"/>
      <c r="G1" s="329"/>
      <c r="R1" s="329"/>
      <c r="T1" s="329"/>
      <c r="U1" s="329"/>
      <c r="X1" s="330"/>
      <c r="Y1" s="463" t="s">
        <v>627</v>
      </c>
    </row>
    <row r="2" spans="1:25" ht="20.25" customHeight="1" thickTop="1">
      <c r="A2" s="356"/>
      <c r="B2" s="357"/>
      <c r="C2" s="464"/>
      <c r="D2" s="331"/>
      <c r="E2" s="331"/>
      <c r="F2" s="331"/>
      <c r="G2" s="331"/>
      <c r="H2" s="331"/>
      <c r="I2" s="331"/>
      <c r="J2" s="331"/>
      <c r="K2" s="331"/>
      <c r="L2" s="331"/>
      <c r="M2" s="331"/>
      <c r="N2" s="331"/>
      <c r="O2" s="331"/>
      <c r="P2" s="331"/>
      <c r="Q2" s="331"/>
      <c r="R2" s="331"/>
      <c r="S2" s="331"/>
      <c r="T2" s="331"/>
      <c r="U2" s="331"/>
      <c r="V2" s="331"/>
      <c r="W2" s="331"/>
      <c r="X2" s="331"/>
      <c r="Y2" s="331"/>
    </row>
    <row r="3" spans="1:25" ht="20.25" customHeight="1">
      <c r="A3" s="358"/>
      <c r="B3" s="359"/>
      <c r="C3" s="332"/>
      <c r="D3" s="360"/>
      <c r="E3" s="465"/>
      <c r="F3" s="333"/>
      <c r="G3" s="334"/>
      <c r="H3" s="466"/>
      <c r="I3" s="467"/>
      <c r="J3" s="335"/>
      <c r="K3" s="335"/>
      <c r="L3" s="335"/>
      <c r="M3" s="335"/>
      <c r="N3" s="335"/>
      <c r="O3" s="335"/>
      <c r="P3" s="335"/>
      <c r="Q3" s="466"/>
      <c r="R3" s="467"/>
      <c r="S3" s="335"/>
      <c r="T3" s="335"/>
      <c r="U3" s="335"/>
      <c r="V3" s="335"/>
      <c r="W3" s="335"/>
      <c r="X3" s="335"/>
      <c r="Y3" s="335"/>
    </row>
    <row r="4" spans="1:25" ht="20.25" customHeight="1">
      <c r="A4" s="1043" t="s">
        <v>420</v>
      </c>
      <c r="B4" s="1044"/>
      <c r="C4" s="468" t="s">
        <v>253</v>
      </c>
      <c r="D4" s="366"/>
      <c r="E4" s="1034" t="s">
        <v>490</v>
      </c>
      <c r="F4" s="1034"/>
      <c r="G4" s="1035"/>
      <c r="H4" s="1033" t="s">
        <v>422</v>
      </c>
      <c r="I4" s="1034"/>
      <c r="J4" s="1035"/>
      <c r="K4" s="1027" t="s">
        <v>423</v>
      </c>
      <c r="L4" s="1028"/>
      <c r="M4" s="1029"/>
      <c r="N4" s="1027" t="s">
        <v>491</v>
      </c>
      <c r="O4" s="1028"/>
      <c r="P4" s="1028"/>
      <c r="Q4" s="1033" t="s">
        <v>425</v>
      </c>
      <c r="R4" s="1034"/>
      <c r="S4" s="1035"/>
      <c r="T4" s="1027" t="s">
        <v>426</v>
      </c>
      <c r="U4" s="1028"/>
      <c r="V4" s="1028"/>
      <c r="W4" s="1027" t="s">
        <v>427</v>
      </c>
      <c r="X4" s="1028"/>
      <c r="Y4" s="1028"/>
    </row>
    <row r="5" spans="1:25" ht="20.25" customHeight="1">
      <c r="A5" s="358"/>
      <c r="B5" s="359"/>
      <c r="C5" s="347"/>
      <c r="D5" s="469"/>
      <c r="E5" s="1031" t="s">
        <v>492</v>
      </c>
      <c r="F5" s="1031"/>
      <c r="G5" s="1032"/>
      <c r="H5" s="1030" t="s">
        <v>493</v>
      </c>
      <c r="I5" s="1031"/>
      <c r="J5" s="1032"/>
      <c r="K5" s="1030" t="s">
        <v>494</v>
      </c>
      <c r="L5" s="1031"/>
      <c r="M5" s="1032"/>
      <c r="N5" s="1030" t="s">
        <v>495</v>
      </c>
      <c r="O5" s="1031"/>
      <c r="P5" s="1031"/>
      <c r="Q5" s="1030" t="s">
        <v>496</v>
      </c>
      <c r="R5" s="1031"/>
      <c r="S5" s="1032"/>
      <c r="T5" s="1030" t="s">
        <v>433</v>
      </c>
      <c r="U5" s="1031"/>
      <c r="V5" s="1031"/>
      <c r="W5" s="1030" t="s">
        <v>434</v>
      </c>
      <c r="X5" s="1031"/>
      <c r="Y5" s="1031"/>
    </row>
    <row r="6" spans="1:25" ht="20.25" customHeight="1">
      <c r="A6" s="361"/>
      <c r="B6" s="362"/>
      <c r="C6" s="470"/>
      <c r="D6" s="471"/>
      <c r="E6" s="472" t="s">
        <v>497</v>
      </c>
      <c r="F6" s="472" t="s">
        <v>498</v>
      </c>
      <c r="G6" s="473" t="s">
        <v>499</v>
      </c>
      <c r="H6" s="474" t="s">
        <v>497</v>
      </c>
      <c r="I6" s="472" t="s">
        <v>498</v>
      </c>
      <c r="J6" s="473" t="s">
        <v>499</v>
      </c>
      <c r="K6" s="474" t="s">
        <v>500</v>
      </c>
      <c r="L6" s="472" t="s">
        <v>498</v>
      </c>
      <c r="M6" s="472" t="s">
        <v>499</v>
      </c>
      <c r="N6" s="475" t="s">
        <v>500</v>
      </c>
      <c r="O6" s="475" t="s">
        <v>502</v>
      </c>
      <c r="P6" s="475" t="s">
        <v>499</v>
      </c>
      <c r="Q6" s="472" t="s">
        <v>497</v>
      </c>
      <c r="R6" s="472" t="s">
        <v>498</v>
      </c>
      <c r="S6" s="473" t="s">
        <v>499</v>
      </c>
      <c r="T6" s="474" t="s">
        <v>497</v>
      </c>
      <c r="U6" s="475" t="s">
        <v>498</v>
      </c>
      <c r="V6" s="475" t="s">
        <v>499</v>
      </c>
      <c r="W6" s="475" t="s">
        <v>497</v>
      </c>
      <c r="X6" s="475" t="s">
        <v>498</v>
      </c>
      <c r="Y6" s="475" t="s">
        <v>499</v>
      </c>
    </row>
    <row r="7" spans="1:25" ht="20.25" customHeight="1">
      <c r="A7" s="363"/>
      <c r="B7" s="476" t="s">
        <v>192</v>
      </c>
      <c r="C7" s="239"/>
      <c r="D7" s="477"/>
      <c r="E7" s="478" t="s">
        <v>192</v>
      </c>
      <c r="F7" s="105" t="s">
        <v>192</v>
      </c>
      <c r="G7" s="86" t="s">
        <v>192</v>
      </c>
      <c r="H7" s="106" t="s">
        <v>192</v>
      </c>
      <c r="I7" s="105" t="s">
        <v>192</v>
      </c>
      <c r="J7" s="86" t="s">
        <v>192</v>
      </c>
      <c r="K7" s="106" t="s">
        <v>192</v>
      </c>
      <c r="L7" s="105" t="s">
        <v>192</v>
      </c>
      <c r="M7" s="105" t="s">
        <v>192</v>
      </c>
      <c r="N7" s="479" t="s">
        <v>192</v>
      </c>
      <c r="O7" s="479" t="s">
        <v>192</v>
      </c>
      <c r="P7" s="479" t="s">
        <v>192</v>
      </c>
      <c r="Q7" s="478" t="s">
        <v>192</v>
      </c>
      <c r="R7" s="105" t="s">
        <v>192</v>
      </c>
      <c r="S7" s="86" t="s">
        <v>192</v>
      </c>
      <c r="T7" s="479" t="s">
        <v>192</v>
      </c>
      <c r="U7" s="479" t="s">
        <v>192</v>
      </c>
      <c r="V7" s="479" t="s">
        <v>192</v>
      </c>
      <c r="W7" s="479" t="s">
        <v>192</v>
      </c>
      <c r="X7" s="479" t="s">
        <v>192</v>
      </c>
      <c r="Y7" s="479" t="s">
        <v>192</v>
      </c>
    </row>
    <row r="8" spans="1:25" ht="20.25" customHeight="1">
      <c r="A8" s="364"/>
      <c r="B8" s="372">
        <v>1540516</v>
      </c>
      <c r="C8" s="365" t="s">
        <v>194</v>
      </c>
      <c r="D8" s="366"/>
      <c r="E8" s="373">
        <v>1691</v>
      </c>
      <c r="F8" s="374">
        <v>119</v>
      </c>
      <c r="G8" s="375">
        <v>1572</v>
      </c>
      <c r="H8" s="373">
        <v>-2092</v>
      </c>
      <c r="I8" s="374">
        <v>-1396</v>
      </c>
      <c r="J8" s="376">
        <v>-696</v>
      </c>
      <c r="K8" s="373">
        <v>11556</v>
      </c>
      <c r="L8" s="374">
        <v>5965</v>
      </c>
      <c r="M8" s="376">
        <v>5591</v>
      </c>
      <c r="N8" s="375">
        <v>13648</v>
      </c>
      <c r="O8" s="373">
        <v>7361</v>
      </c>
      <c r="P8" s="373">
        <v>6287</v>
      </c>
      <c r="Q8" s="373">
        <v>3783</v>
      </c>
      <c r="R8" s="374">
        <v>1515</v>
      </c>
      <c r="S8" s="376">
        <v>2268</v>
      </c>
      <c r="T8" s="375">
        <v>104623</v>
      </c>
      <c r="U8" s="373">
        <v>55438</v>
      </c>
      <c r="V8" s="373">
        <v>49185</v>
      </c>
      <c r="W8" s="373">
        <v>100840</v>
      </c>
      <c r="X8" s="373">
        <v>53923</v>
      </c>
      <c r="Y8" s="373">
        <v>46917</v>
      </c>
    </row>
    <row r="9" spans="1:25" ht="12.75" customHeight="1">
      <c r="A9" s="367"/>
      <c r="B9" s="385"/>
      <c r="C9" s="341"/>
      <c r="D9" s="368"/>
      <c r="E9" s="323"/>
      <c r="F9" s="307"/>
      <c r="G9" s="369"/>
      <c r="H9" s="323"/>
      <c r="I9" s="307"/>
      <c r="J9" s="324"/>
      <c r="K9" s="323"/>
      <c r="L9" s="307"/>
      <c r="M9" s="324"/>
      <c r="N9" s="369"/>
      <c r="O9" s="323"/>
      <c r="P9" s="307"/>
      <c r="Q9" s="323"/>
      <c r="R9" s="307"/>
      <c r="S9" s="324"/>
      <c r="T9" s="369"/>
      <c r="U9" s="307"/>
      <c r="V9" s="369"/>
      <c r="W9" s="323"/>
      <c r="X9" s="307"/>
      <c r="Y9" s="369"/>
    </row>
    <row r="10" spans="1:25" ht="20.25" customHeight="1">
      <c r="A10" s="364" t="s">
        <v>517</v>
      </c>
      <c r="B10" s="377">
        <v>120553</v>
      </c>
      <c r="C10" s="378" t="s">
        <v>518</v>
      </c>
      <c r="D10" s="366" t="s">
        <v>519</v>
      </c>
      <c r="E10" s="320">
        <v>8978</v>
      </c>
      <c r="F10" s="304">
        <v>4644</v>
      </c>
      <c r="G10" s="379">
        <v>4334</v>
      </c>
      <c r="H10" s="320">
        <v>11527</v>
      </c>
      <c r="I10" s="304">
        <v>5953</v>
      </c>
      <c r="J10" s="321">
        <v>5574</v>
      </c>
      <c r="K10" s="320">
        <v>11556</v>
      </c>
      <c r="L10" s="320">
        <v>5965</v>
      </c>
      <c r="M10" s="304">
        <v>5591</v>
      </c>
      <c r="N10" s="320">
        <v>29</v>
      </c>
      <c r="O10" s="320">
        <v>12</v>
      </c>
      <c r="P10" s="320">
        <v>17</v>
      </c>
      <c r="Q10" s="320">
        <v>-2549</v>
      </c>
      <c r="R10" s="304">
        <v>-1309</v>
      </c>
      <c r="S10" s="321">
        <v>-1240</v>
      </c>
      <c r="T10" s="320">
        <v>5864</v>
      </c>
      <c r="U10" s="304">
        <v>3033</v>
      </c>
      <c r="V10" s="379">
        <v>2831</v>
      </c>
      <c r="W10" s="320">
        <v>8413</v>
      </c>
      <c r="X10" s="304">
        <v>4342</v>
      </c>
      <c r="Y10" s="379">
        <v>4071</v>
      </c>
    </row>
    <row r="11" spans="1:25" ht="20.25" customHeight="1">
      <c r="A11" s="370"/>
      <c r="B11" s="377">
        <v>123772</v>
      </c>
      <c r="C11" s="380" t="s">
        <v>520</v>
      </c>
      <c r="D11" s="480"/>
      <c r="E11" s="320">
        <v>1133</v>
      </c>
      <c r="F11" s="304">
        <v>550</v>
      </c>
      <c r="G11" s="379">
        <v>583</v>
      </c>
      <c r="H11" s="320">
        <v>-16</v>
      </c>
      <c r="I11" s="304">
        <v>-9</v>
      </c>
      <c r="J11" s="321">
        <v>-7</v>
      </c>
      <c r="K11" s="320" t="s">
        <v>72</v>
      </c>
      <c r="L11" s="304" t="s">
        <v>72</v>
      </c>
      <c r="M11" s="321" t="s">
        <v>72</v>
      </c>
      <c r="N11" s="320">
        <v>16</v>
      </c>
      <c r="O11" s="320">
        <v>9</v>
      </c>
      <c r="P11" s="320">
        <v>7</v>
      </c>
      <c r="Q11" s="320">
        <v>1149</v>
      </c>
      <c r="R11" s="304">
        <v>559</v>
      </c>
      <c r="S11" s="321">
        <v>590</v>
      </c>
      <c r="T11" s="320">
        <v>4205</v>
      </c>
      <c r="U11" s="304">
        <v>2169</v>
      </c>
      <c r="V11" s="379">
        <v>2036</v>
      </c>
      <c r="W11" s="320">
        <v>3056</v>
      </c>
      <c r="X11" s="304">
        <v>1610</v>
      </c>
      <c r="Y11" s="379">
        <v>1446</v>
      </c>
    </row>
    <row r="12" spans="1:25" ht="20.25" customHeight="1">
      <c r="A12" s="1038" t="s">
        <v>435</v>
      </c>
      <c r="B12" s="377">
        <v>200805</v>
      </c>
      <c r="C12" s="380" t="s">
        <v>521</v>
      </c>
      <c r="D12" s="1040" t="s">
        <v>522</v>
      </c>
      <c r="E12" s="320">
        <v>10953</v>
      </c>
      <c r="F12" s="304">
        <v>5679</v>
      </c>
      <c r="G12" s="379">
        <v>5274</v>
      </c>
      <c r="H12" s="320">
        <v>-66</v>
      </c>
      <c r="I12" s="304">
        <v>-37</v>
      </c>
      <c r="J12" s="321">
        <v>-29</v>
      </c>
      <c r="K12" s="320" t="s">
        <v>72</v>
      </c>
      <c r="L12" s="304" t="s">
        <v>72</v>
      </c>
      <c r="M12" s="321" t="s">
        <v>72</v>
      </c>
      <c r="N12" s="320">
        <v>66</v>
      </c>
      <c r="O12" s="320">
        <v>37</v>
      </c>
      <c r="P12" s="320">
        <v>29</v>
      </c>
      <c r="Q12" s="320">
        <v>11019</v>
      </c>
      <c r="R12" s="304">
        <v>5716</v>
      </c>
      <c r="S12" s="321">
        <v>5303</v>
      </c>
      <c r="T12" s="320">
        <v>48416</v>
      </c>
      <c r="U12" s="304">
        <v>25095</v>
      </c>
      <c r="V12" s="379">
        <v>23321</v>
      </c>
      <c r="W12" s="320">
        <v>37397</v>
      </c>
      <c r="X12" s="304">
        <v>19379</v>
      </c>
      <c r="Y12" s="379">
        <v>18018</v>
      </c>
    </row>
    <row r="13" spans="1:25" ht="20.25" customHeight="1">
      <c r="A13" s="1038"/>
      <c r="B13" s="377">
        <v>205855</v>
      </c>
      <c r="C13" s="380" t="s">
        <v>523</v>
      </c>
      <c r="D13" s="1040"/>
      <c r="E13" s="320">
        <v>-2284</v>
      </c>
      <c r="F13" s="304">
        <v>-1059</v>
      </c>
      <c r="G13" s="379">
        <v>-1225</v>
      </c>
      <c r="H13" s="320">
        <v>-79</v>
      </c>
      <c r="I13" s="304">
        <v>-51</v>
      </c>
      <c r="J13" s="321">
        <v>-28</v>
      </c>
      <c r="K13" s="320" t="s">
        <v>72</v>
      </c>
      <c r="L13" s="304" t="s">
        <v>72</v>
      </c>
      <c r="M13" s="321" t="s">
        <v>72</v>
      </c>
      <c r="N13" s="320">
        <v>79</v>
      </c>
      <c r="O13" s="320">
        <v>51</v>
      </c>
      <c r="P13" s="320">
        <v>28</v>
      </c>
      <c r="Q13" s="320">
        <v>-2205</v>
      </c>
      <c r="R13" s="304">
        <v>-1008</v>
      </c>
      <c r="S13" s="321">
        <v>-1197</v>
      </c>
      <c r="T13" s="320">
        <v>25245</v>
      </c>
      <c r="U13" s="304">
        <v>13910</v>
      </c>
      <c r="V13" s="379">
        <v>11335</v>
      </c>
      <c r="W13" s="320">
        <v>27450</v>
      </c>
      <c r="X13" s="304">
        <v>14918</v>
      </c>
      <c r="Y13" s="379">
        <v>12532</v>
      </c>
    </row>
    <row r="14" spans="1:25" ht="20.25" customHeight="1">
      <c r="A14" s="1038"/>
      <c r="B14" s="355">
        <v>232400</v>
      </c>
      <c r="C14" s="381" t="s">
        <v>524</v>
      </c>
      <c r="D14" s="1040"/>
      <c r="E14" s="323">
        <v>-2065</v>
      </c>
      <c r="F14" s="307">
        <v>-1306</v>
      </c>
      <c r="G14" s="369">
        <v>-759</v>
      </c>
      <c r="H14" s="307">
        <v>-230</v>
      </c>
      <c r="I14" s="307">
        <v>-144</v>
      </c>
      <c r="J14" s="324">
        <v>-86</v>
      </c>
      <c r="K14" s="307" t="s">
        <v>72</v>
      </c>
      <c r="L14" s="307" t="s">
        <v>72</v>
      </c>
      <c r="M14" s="324" t="s">
        <v>72</v>
      </c>
      <c r="N14" s="323">
        <v>230</v>
      </c>
      <c r="O14" s="323">
        <v>144</v>
      </c>
      <c r="P14" s="323">
        <v>86</v>
      </c>
      <c r="Q14" s="323">
        <v>-1835</v>
      </c>
      <c r="R14" s="307">
        <v>-1162</v>
      </c>
      <c r="S14" s="324">
        <v>-673</v>
      </c>
      <c r="T14" s="323">
        <v>8981</v>
      </c>
      <c r="U14" s="307">
        <v>5183</v>
      </c>
      <c r="V14" s="369">
        <v>3798</v>
      </c>
      <c r="W14" s="323">
        <v>10816</v>
      </c>
      <c r="X14" s="307">
        <v>6345</v>
      </c>
      <c r="Y14" s="369">
        <v>4471</v>
      </c>
    </row>
    <row r="15" spans="1:25" ht="20.25" customHeight="1">
      <c r="A15" s="1038"/>
      <c r="B15" s="377">
        <v>227856</v>
      </c>
      <c r="C15" s="380" t="s">
        <v>525</v>
      </c>
      <c r="D15" s="1040"/>
      <c r="E15" s="320">
        <v>-1722</v>
      </c>
      <c r="F15" s="304">
        <v>-1088</v>
      </c>
      <c r="G15" s="379">
        <v>-634</v>
      </c>
      <c r="H15" s="320">
        <v>-627</v>
      </c>
      <c r="I15" s="304">
        <v>-431</v>
      </c>
      <c r="J15" s="321">
        <v>-196</v>
      </c>
      <c r="K15" s="320" t="s">
        <v>72</v>
      </c>
      <c r="L15" s="304" t="s">
        <v>72</v>
      </c>
      <c r="M15" s="304" t="s">
        <v>72</v>
      </c>
      <c r="N15" s="320">
        <v>627</v>
      </c>
      <c r="O15" s="320">
        <v>431</v>
      </c>
      <c r="P15" s="320">
        <v>196</v>
      </c>
      <c r="Q15" s="320">
        <v>-1095</v>
      </c>
      <c r="R15" s="304">
        <v>-657</v>
      </c>
      <c r="S15" s="321">
        <v>-438</v>
      </c>
      <c r="T15" s="320">
        <v>5493</v>
      </c>
      <c r="U15" s="304">
        <v>3072</v>
      </c>
      <c r="V15" s="379">
        <v>2421</v>
      </c>
      <c r="W15" s="320">
        <v>6588</v>
      </c>
      <c r="X15" s="304">
        <v>3729</v>
      </c>
      <c r="Y15" s="379">
        <v>2859</v>
      </c>
    </row>
    <row r="16" spans="1:25" ht="20.25" customHeight="1">
      <c r="A16" s="1038"/>
      <c r="B16" s="377">
        <v>143466</v>
      </c>
      <c r="C16" s="380" t="s">
        <v>526</v>
      </c>
      <c r="D16" s="1040"/>
      <c r="E16" s="320">
        <v>-1885</v>
      </c>
      <c r="F16" s="304">
        <v>-1289</v>
      </c>
      <c r="G16" s="379">
        <v>-596</v>
      </c>
      <c r="H16" s="320">
        <v>-1101</v>
      </c>
      <c r="I16" s="304">
        <v>-776</v>
      </c>
      <c r="J16" s="321">
        <v>-325</v>
      </c>
      <c r="K16" s="320" t="s">
        <v>72</v>
      </c>
      <c r="L16" s="304" t="s">
        <v>72</v>
      </c>
      <c r="M16" s="321" t="s">
        <v>72</v>
      </c>
      <c r="N16" s="320">
        <v>1101</v>
      </c>
      <c r="O16" s="320">
        <v>776</v>
      </c>
      <c r="P16" s="320">
        <v>325</v>
      </c>
      <c r="Q16" s="320">
        <v>-784</v>
      </c>
      <c r="R16" s="304">
        <v>-513</v>
      </c>
      <c r="S16" s="321">
        <v>-271</v>
      </c>
      <c r="T16" s="320">
        <v>2586</v>
      </c>
      <c r="U16" s="304">
        <v>1463</v>
      </c>
      <c r="V16" s="379">
        <v>1123</v>
      </c>
      <c r="W16" s="320">
        <v>3370</v>
      </c>
      <c r="X16" s="304">
        <v>1976</v>
      </c>
      <c r="Y16" s="379">
        <v>1394</v>
      </c>
    </row>
    <row r="17" spans="1:25" ht="20.25" customHeight="1">
      <c r="A17" s="1038"/>
      <c r="B17" s="377">
        <v>137448</v>
      </c>
      <c r="C17" s="380" t="s">
        <v>527</v>
      </c>
      <c r="D17" s="1040"/>
      <c r="E17" s="320">
        <v>-3017</v>
      </c>
      <c r="F17" s="304">
        <v>-2082</v>
      </c>
      <c r="G17" s="379">
        <v>-935</v>
      </c>
      <c r="H17" s="320">
        <v>-2814</v>
      </c>
      <c r="I17" s="304">
        <v>-1916</v>
      </c>
      <c r="J17" s="321">
        <v>-898</v>
      </c>
      <c r="K17" s="320" t="s">
        <v>72</v>
      </c>
      <c r="L17" s="304" t="s">
        <v>72</v>
      </c>
      <c r="M17" s="321" t="s">
        <v>72</v>
      </c>
      <c r="N17" s="320">
        <v>2814</v>
      </c>
      <c r="O17" s="320">
        <v>1916</v>
      </c>
      <c r="P17" s="320">
        <v>898</v>
      </c>
      <c r="Q17" s="320">
        <v>-203</v>
      </c>
      <c r="R17" s="304">
        <v>-166</v>
      </c>
      <c r="S17" s="321">
        <v>-37</v>
      </c>
      <c r="T17" s="320">
        <v>1829</v>
      </c>
      <c r="U17" s="304">
        <v>897</v>
      </c>
      <c r="V17" s="379">
        <v>932</v>
      </c>
      <c r="W17" s="320">
        <v>2032</v>
      </c>
      <c r="X17" s="304">
        <v>1063</v>
      </c>
      <c r="Y17" s="379">
        <v>969</v>
      </c>
    </row>
    <row r="18" spans="1:25" ht="20.25" customHeight="1">
      <c r="A18" s="1038"/>
      <c r="B18" s="377">
        <v>80725</v>
      </c>
      <c r="C18" s="380" t="s">
        <v>528</v>
      </c>
      <c r="D18" s="1040"/>
      <c r="E18" s="320">
        <v>-4580</v>
      </c>
      <c r="F18" s="304">
        <v>-2627</v>
      </c>
      <c r="G18" s="379">
        <v>-1953</v>
      </c>
      <c r="H18" s="320">
        <v>-4774</v>
      </c>
      <c r="I18" s="304">
        <v>-2657</v>
      </c>
      <c r="J18" s="321">
        <v>-2117</v>
      </c>
      <c r="K18" s="320" t="s">
        <v>72</v>
      </c>
      <c r="L18" s="304" t="s">
        <v>72</v>
      </c>
      <c r="M18" s="321" t="s">
        <v>72</v>
      </c>
      <c r="N18" s="320">
        <v>4774</v>
      </c>
      <c r="O18" s="320">
        <v>2657</v>
      </c>
      <c r="P18" s="320">
        <v>2117</v>
      </c>
      <c r="Q18" s="320">
        <v>194</v>
      </c>
      <c r="R18" s="304">
        <v>30</v>
      </c>
      <c r="S18" s="321">
        <v>164</v>
      </c>
      <c r="T18" s="320">
        <v>1467</v>
      </c>
      <c r="U18" s="304">
        <v>479</v>
      </c>
      <c r="V18" s="379">
        <v>988</v>
      </c>
      <c r="W18" s="320">
        <v>1273</v>
      </c>
      <c r="X18" s="304">
        <v>449</v>
      </c>
      <c r="Y18" s="379">
        <v>824</v>
      </c>
    </row>
    <row r="19" spans="1:25" ht="20.25" customHeight="1">
      <c r="A19" s="1038"/>
      <c r="B19" s="355">
        <v>20564</v>
      </c>
      <c r="C19" s="381" t="s">
        <v>529</v>
      </c>
      <c r="D19" s="1040"/>
      <c r="E19" s="323">
        <v>-3469</v>
      </c>
      <c r="F19" s="307">
        <v>-1254</v>
      </c>
      <c r="G19" s="369">
        <v>-2215</v>
      </c>
      <c r="H19" s="323">
        <v>-3560</v>
      </c>
      <c r="I19" s="307">
        <v>-1278</v>
      </c>
      <c r="J19" s="324">
        <v>-2282</v>
      </c>
      <c r="K19" s="323" t="s">
        <v>72</v>
      </c>
      <c r="L19" s="307" t="s">
        <v>72</v>
      </c>
      <c r="M19" s="324" t="s">
        <v>72</v>
      </c>
      <c r="N19" s="323">
        <v>3560</v>
      </c>
      <c r="O19" s="323">
        <v>1278</v>
      </c>
      <c r="P19" s="323">
        <v>2282</v>
      </c>
      <c r="Q19" s="323">
        <v>91</v>
      </c>
      <c r="R19" s="307">
        <v>24</v>
      </c>
      <c r="S19" s="324">
        <v>67</v>
      </c>
      <c r="T19" s="323">
        <v>521</v>
      </c>
      <c r="U19" s="307">
        <v>133</v>
      </c>
      <c r="V19" s="369">
        <v>388</v>
      </c>
      <c r="W19" s="323">
        <v>430</v>
      </c>
      <c r="X19" s="307">
        <v>109</v>
      </c>
      <c r="Y19" s="369">
        <v>321</v>
      </c>
    </row>
    <row r="20" spans="1:25" ht="20.25" customHeight="1" thickBot="1">
      <c r="A20" s="1039"/>
      <c r="B20" s="881">
        <v>722</v>
      </c>
      <c r="C20" s="247" t="s">
        <v>457</v>
      </c>
      <c r="D20" s="882"/>
      <c r="E20" s="883">
        <v>-351</v>
      </c>
      <c r="F20" s="884">
        <v>-49</v>
      </c>
      <c r="G20" s="885">
        <v>-302</v>
      </c>
      <c r="H20" s="884">
        <v>-352</v>
      </c>
      <c r="I20" s="884">
        <v>-50</v>
      </c>
      <c r="J20" s="886">
        <v>-302</v>
      </c>
      <c r="K20" s="883" t="s">
        <v>72</v>
      </c>
      <c r="L20" s="884" t="s">
        <v>72</v>
      </c>
      <c r="M20" s="884" t="s">
        <v>72</v>
      </c>
      <c r="N20" s="883">
        <v>352</v>
      </c>
      <c r="O20" s="883">
        <v>50</v>
      </c>
      <c r="P20" s="883">
        <v>302</v>
      </c>
      <c r="Q20" s="883">
        <v>1</v>
      </c>
      <c r="R20" s="884">
        <v>1</v>
      </c>
      <c r="S20" s="886">
        <v>0</v>
      </c>
      <c r="T20" s="883">
        <v>16</v>
      </c>
      <c r="U20" s="884">
        <v>4</v>
      </c>
      <c r="V20" s="885">
        <v>12</v>
      </c>
      <c r="W20" s="883">
        <v>15</v>
      </c>
      <c r="X20" s="884">
        <v>3</v>
      </c>
      <c r="Y20" s="885">
        <v>12</v>
      </c>
    </row>
    <row r="21" spans="1:25" ht="20.25" customHeight="1" thickTop="1">
      <c r="A21" s="371"/>
      <c r="B21" s="481" t="s">
        <v>192</v>
      </c>
      <c r="C21" s="239"/>
      <c r="D21" s="477"/>
      <c r="E21" s="482" t="s">
        <v>192</v>
      </c>
      <c r="F21" s="482" t="s">
        <v>192</v>
      </c>
      <c r="G21" s="483" t="s">
        <v>192</v>
      </c>
      <c r="H21" s="484" t="s">
        <v>192</v>
      </c>
      <c r="I21" s="482" t="s">
        <v>192</v>
      </c>
      <c r="J21" s="483" t="s">
        <v>192</v>
      </c>
      <c r="K21" s="484" t="s">
        <v>192</v>
      </c>
      <c r="L21" s="482" t="s">
        <v>192</v>
      </c>
      <c r="M21" s="482" t="s">
        <v>192</v>
      </c>
      <c r="N21" s="484" t="s">
        <v>192</v>
      </c>
      <c r="O21" s="484" t="s">
        <v>192</v>
      </c>
      <c r="P21" s="484" t="s">
        <v>192</v>
      </c>
      <c r="Q21" s="482" t="s">
        <v>192</v>
      </c>
      <c r="R21" s="482" t="s">
        <v>192</v>
      </c>
      <c r="S21" s="483" t="s">
        <v>192</v>
      </c>
      <c r="T21" s="484" t="s">
        <v>192</v>
      </c>
      <c r="U21" s="482" t="s">
        <v>192</v>
      </c>
      <c r="V21" s="887" t="s">
        <v>192</v>
      </c>
      <c r="W21" s="484" t="s">
        <v>192</v>
      </c>
      <c r="X21" s="482" t="s">
        <v>192</v>
      </c>
      <c r="Y21" s="483" t="s">
        <v>192</v>
      </c>
    </row>
    <row r="22" spans="1:25" ht="20.25" customHeight="1">
      <c r="A22" s="364"/>
      <c r="B22" s="372">
        <v>1538825</v>
      </c>
      <c r="C22" s="365" t="s">
        <v>194</v>
      </c>
      <c r="D22" s="366"/>
      <c r="E22" s="373">
        <v>692</v>
      </c>
      <c r="F22" s="374">
        <v>-599</v>
      </c>
      <c r="G22" s="375">
        <v>1291</v>
      </c>
      <c r="H22" s="373">
        <v>-156</v>
      </c>
      <c r="I22" s="374">
        <v>-483</v>
      </c>
      <c r="J22" s="376">
        <v>327</v>
      </c>
      <c r="K22" s="373">
        <v>12279</v>
      </c>
      <c r="L22" s="374">
        <v>6291</v>
      </c>
      <c r="M22" s="376">
        <v>5988</v>
      </c>
      <c r="N22" s="375">
        <v>12435</v>
      </c>
      <c r="O22" s="373">
        <v>6774</v>
      </c>
      <c r="P22" s="373">
        <v>5661</v>
      </c>
      <c r="Q22" s="373">
        <v>848</v>
      </c>
      <c r="R22" s="374">
        <v>-116</v>
      </c>
      <c r="S22" s="376">
        <v>964</v>
      </c>
      <c r="T22" s="375">
        <v>102481</v>
      </c>
      <c r="U22" s="374">
        <v>54388</v>
      </c>
      <c r="V22" s="376">
        <v>48093</v>
      </c>
      <c r="W22" s="373">
        <v>101633</v>
      </c>
      <c r="X22" s="374">
        <v>54504</v>
      </c>
      <c r="Y22" s="375">
        <v>47129</v>
      </c>
    </row>
    <row r="23" spans="1:25" ht="12.75" customHeight="1">
      <c r="A23" s="371"/>
      <c r="B23" s="385"/>
      <c r="C23" s="341"/>
      <c r="D23" s="368"/>
      <c r="E23" s="323"/>
      <c r="F23" s="307"/>
      <c r="G23" s="369"/>
      <c r="H23" s="323"/>
      <c r="I23" s="307"/>
      <c r="J23" s="324"/>
      <c r="K23" s="323"/>
      <c r="L23" s="307"/>
      <c r="M23" s="324"/>
      <c r="N23" s="369"/>
      <c r="O23" s="323"/>
      <c r="P23" s="307"/>
      <c r="Q23" s="323"/>
      <c r="R23" s="307"/>
      <c r="S23" s="324"/>
      <c r="T23" s="369"/>
      <c r="U23" s="307"/>
      <c r="V23" s="369"/>
      <c r="W23" s="323"/>
      <c r="X23" s="307"/>
      <c r="Y23" s="369"/>
    </row>
    <row r="24" spans="1:25" ht="20.25" customHeight="1">
      <c r="A24" s="364" t="s">
        <v>530</v>
      </c>
      <c r="B24" s="377">
        <v>124124</v>
      </c>
      <c r="C24" s="378" t="s">
        <v>518</v>
      </c>
      <c r="D24" s="366" t="s">
        <v>530</v>
      </c>
      <c r="E24" s="320">
        <v>9590</v>
      </c>
      <c r="F24" s="304">
        <v>4877</v>
      </c>
      <c r="G24" s="379">
        <v>4713</v>
      </c>
      <c r="H24" s="320">
        <v>12251</v>
      </c>
      <c r="I24" s="304">
        <v>6279</v>
      </c>
      <c r="J24" s="321">
        <v>5972</v>
      </c>
      <c r="K24" s="320">
        <v>12279</v>
      </c>
      <c r="L24" s="320">
        <v>6291</v>
      </c>
      <c r="M24" s="304">
        <v>5988</v>
      </c>
      <c r="N24" s="320">
        <v>28</v>
      </c>
      <c r="O24" s="320">
        <v>12</v>
      </c>
      <c r="P24" s="320">
        <v>16</v>
      </c>
      <c r="Q24" s="320">
        <v>-2661</v>
      </c>
      <c r="R24" s="304">
        <v>-1402</v>
      </c>
      <c r="S24" s="321">
        <v>-1259</v>
      </c>
      <c r="T24" s="320">
        <v>5791</v>
      </c>
      <c r="U24" s="304">
        <v>2909</v>
      </c>
      <c r="V24" s="379">
        <v>2882</v>
      </c>
      <c r="W24" s="320">
        <v>8452</v>
      </c>
      <c r="X24" s="304">
        <v>4311</v>
      </c>
      <c r="Y24" s="379">
        <v>4141</v>
      </c>
    </row>
    <row r="25" spans="1:25" ht="20.25" customHeight="1">
      <c r="A25" s="370"/>
      <c r="B25" s="377">
        <v>123674</v>
      </c>
      <c r="C25" s="380" t="s">
        <v>520</v>
      </c>
      <c r="D25" s="480"/>
      <c r="E25" s="320">
        <v>929</v>
      </c>
      <c r="F25" s="304">
        <v>523</v>
      </c>
      <c r="G25" s="379">
        <v>406</v>
      </c>
      <c r="H25" s="320">
        <v>-18</v>
      </c>
      <c r="I25" s="304">
        <v>-13</v>
      </c>
      <c r="J25" s="321">
        <v>-5</v>
      </c>
      <c r="K25" s="320" t="s">
        <v>72</v>
      </c>
      <c r="L25" s="304" t="s">
        <v>72</v>
      </c>
      <c r="M25" s="321" t="s">
        <v>72</v>
      </c>
      <c r="N25" s="320">
        <v>18</v>
      </c>
      <c r="O25" s="320">
        <v>13</v>
      </c>
      <c r="P25" s="320">
        <v>5</v>
      </c>
      <c r="Q25" s="320">
        <v>947</v>
      </c>
      <c r="R25" s="304">
        <v>536</v>
      </c>
      <c r="S25" s="321">
        <v>411</v>
      </c>
      <c r="T25" s="320">
        <v>3928</v>
      </c>
      <c r="U25" s="304">
        <v>2069</v>
      </c>
      <c r="V25" s="379">
        <v>1859</v>
      </c>
      <c r="W25" s="320">
        <v>2981</v>
      </c>
      <c r="X25" s="304">
        <v>1533</v>
      </c>
      <c r="Y25" s="379">
        <v>1448</v>
      </c>
    </row>
    <row r="26" spans="1:25" ht="20.25" customHeight="1">
      <c r="A26" s="1038" t="s">
        <v>461</v>
      </c>
      <c r="B26" s="377">
        <v>196942</v>
      </c>
      <c r="C26" s="380" t="s">
        <v>521</v>
      </c>
      <c r="D26" s="1040" t="s">
        <v>531</v>
      </c>
      <c r="E26" s="320">
        <v>9720</v>
      </c>
      <c r="F26" s="304">
        <v>4821</v>
      </c>
      <c r="G26" s="379">
        <v>4899</v>
      </c>
      <c r="H26" s="320">
        <v>-45</v>
      </c>
      <c r="I26" s="304">
        <v>-28</v>
      </c>
      <c r="J26" s="321">
        <v>-17</v>
      </c>
      <c r="K26" s="320" t="s">
        <v>72</v>
      </c>
      <c r="L26" s="304" t="s">
        <v>72</v>
      </c>
      <c r="M26" s="321" t="s">
        <v>72</v>
      </c>
      <c r="N26" s="320">
        <v>45</v>
      </c>
      <c r="O26" s="320">
        <v>28</v>
      </c>
      <c r="P26" s="320">
        <v>17</v>
      </c>
      <c r="Q26" s="320">
        <v>9765</v>
      </c>
      <c r="R26" s="304">
        <v>4849</v>
      </c>
      <c r="S26" s="321">
        <v>4916</v>
      </c>
      <c r="T26" s="320">
        <v>47218</v>
      </c>
      <c r="U26" s="304">
        <v>24411</v>
      </c>
      <c r="V26" s="379">
        <v>22807</v>
      </c>
      <c r="W26" s="320">
        <v>37453</v>
      </c>
      <c r="X26" s="304">
        <v>19562</v>
      </c>
      <c r="Y26" s="379">
        <v>17891</v>
      </c>
    </row>
    <row r="27" spans="1:25" ht="20.25" customHeight="1">
      <c r="A27" s="1038"/>
      <c r="B27" s="377">
        <v>208842</v>
      </c>
      <c r="C27" s="380" t="s">
        <v>523</v>
      </c>
      <c r="D27" s="1040"/>
      <c r="E27" s="320">
        <v>-3319</v>
      </c>
      <c r="F27" s="304">
        <v>-1719</v>
      </c>
      <c r="G27" s="379">
        <v>-1600</v>
      </c>
      <c r="H27" s="320">
        <v>-102</v>
      </c>
      <c r="I27" s="304">
        <v>-66</v>
      </c>
      <c r="J27" s="321">
        <v>-36</v>
      </c>
      <c r="K27" s="320" t="s">
        <v>72</v>
      </c>
      <c r="L27" s="304" t="s">
        <v>72</v>
      </c>
      <c r="M27" s="321" t="s">
        <v>72</v>
      </c>
      <c r="N27" s="320">
        <v>102</v>
      </c>
      <c r="O27" s="320">
        <v>66</v>
      </c>
      <c r="P27" s="320">
        <v>36</v>
      </c>
      <c r="Q27" s="320">
        <v>-3217</v>
      </c>
      <c r="R27" s="304">
        <v>-1653</v>
      </c>
      <c r="S27" s="321">
        <v>-1564</v>
      </c>
      <c r="T27" s="320">
        <v>24730</v>
      </c>
      <c r="U27" s="304">
        <v>13581</v>
      </c>
      <c r="V27" s="379">
        <v>11149</v>
      </c>
      <c r="W27" s="320">
        <v>27947</v>
      </c>
      <c r="X27" s="304">
        <v>15234</v>
      </c>
      <c r="Y27" s="379">
        <v>12713</v>
      </c>
    </row>
    <row r="28" spans="1:25" ht="20.25" customHeight="1">
      <c r="A28" s="1038"/>
      <c r="B28" s="355">
        <v>239219</v>
      </c>
      <c r="C28" s="381" t="s">
        <v>524</v>
      </c>
      <c r="D28" s="1040"/>
      <c r="E28" s="323">
        <v>-2048</v>
      </c>
      <c r="F28" s="307">
        <v>-1260</v>
      </c>
      <c r="G28" s="369">
        <v>-788</v>
      </c>
      <c r="H28" s="307">
        <v>-237</v>
      </c>
      <c r="I28" s="307">
        <v>-159</v>
      </c>
      <c r="J28" s="324">
        <v>-78</v>
      </c>
      <c r="K28" s="307" t="s">
        <v>72</v>
      </c>
      <c r="L28" s="307" t="s">
        <v>72</v>
      </c>
      <c r="M28" s="324" t="s">
        <v>72</v>
      </c>
      <c r="N28" s="323">
        <v>237</v>
      </c>
      <c r="O28" s="323">
        <v>159</v>
      </c>
      <c r="P28" s="323">
        <v>78</v>
      </c>
      <c r="Q28" s="323">
        <v>-1811</v>
      </c>
      <c r="R28" s="307">
        <v>-1101</v>
      </c>
      <c r="S28" s="324">
        <v>-710</v>
      </c>
      <c r="T28" s="323">
        <v>9147</v>
      </c>
      <c r="U28" s="307">
        <v>5266</v>
      </c>
      <c r="V28" s="369">
        <v>3881</v>
      </c>
      <c r="W28" s="323">
        <v>10958</v>
      </c>
      <c r="X28" s="307">
        <v>6367</v>
      </c>
      <c r="Y28" s="369">
        <v>4591</v>
      </c>
    </row>
    <row r="29" spans="1:25" ht="20.25" customHeight="1">
      <c r="A29" s="1038"/>
      <c r="B29" s="377">
        <v>221086</v>
      </c>
      <c r="C29" s="380" t="s">
        <v>525</v>
      </c>
      <c r="D29" s="1040"/>
      <c r="E29" s="320">
        <v>-1620</v>
      </c>
      <c r="F29" s="304">
        <v>-932</v>
      </c>
      <c r="G29" s="379">
        <v>-688</v>
      </c>
      <c r="H29" s="320">
        <v>-595</v>
      </c>
      <c r="I29" s="304">
        <v>-404</v>
      </c>
      <c r="J29" s="321">
        <v>-191</v>
      </c>
      <c r="K29" s="320" t="s">
        <v>72</v>
      </c>
      <c r="L29" s="304" t="s">
        <v>72</v>
      </c>
      <c r="M29" s="304" t="s">
        <v>72</v>
      </c>
      <c r="N29" s="320">
        <v>595</v>
      </c>
      <c r="O29" s="320">
        <v>404</v>
      </c>
      <c r="P29" s="320">
        <v>191</v>
      </c>
      <c r="Q29" s="320">
        <v>-1025</v>
      </c>
      <c r="R29" s="304">
        <v>-528</v>
      </c>
      <c r="S29" s="321">
        <v>-497</v>
      </c>
      <c r="T29" s="320">
        <v>5544</v>
      </c>
      <c r="U29" s="304">
        <v>3258</v>
      </c>
      <c r="V29" s="379">
        <v>2286</v>
      </c>
      <c r="W29" s="320">
        <v>6569</v>
      </c>
      <c r="X29" s="304">
        <v>3786</v>
      </c>
      <c r="Y29" s="379">
        <v>2783</v>
      </c>
    </row>
    <row r="30" spans="1:25" ht="20.25" customHeight="1">
      <c r="A30" s="1038"/>
      <c r="B30" s="377">
        <v>141961</v>
      </c>
      <c r="C30" s="380" t="s">
        <v>526</v>
      </c>
      <c r="D30" s="1040"/>
      <c r="E30" s="320">
        <v>-2024</v>
      </c>
      <c r="F30" s="304">
        <v>-1371</v>
      </c>
      <c r="G30" s="379">
        <v>-653</v>
      </c>
      <c r="H30" s="320">
        <v>-1048</v>
      </c>
      <c r="I30" s="304">
        <v>-755</v>
      </c>
      <c r="J30" s="321">
        <v>-293</v>
      </c>
      <c r="K30" s="320" t="s">
        <v>72</v>
      </c>
      <c r="L30" s="304" t="s">
        <v>72</v>
      </c>
      <c r="M30" s="321" t="s">
        <v>72</v>
      </c>
      <c r="N30" s="320">
        <v>1048</v>
      </c>
      <c r="O30" s="320">
        <v>755</v>
      </c>
      <c r="P30" s="320">
        <v>293</v>
      </c>
      <c r="Q30" s="320">
        <v>-976</v>
      </c>
      <c r="R30" s="304">
        <v>-616</v>
      </c>
      <c r="S30" s="321">
        <v>-360</v>
      </c>
      <c r="T30" s="320">
        <v>2438</v>
      </c>
      <c r="U30" s="304">
        <v>1437</v>
      </c>
      <c r="V30" s="379">
        <v>1001</v>
      </c>
      <c r="W30" s="320">
        <v>3414</v>
      </c>
      <c r="X30" s="304">
        <v>2053</v>
      </c>
      <c r="Y30" s="379">
        <v>1361</v>
      </c>
    </row>
    <row r="31" spans="1:25" ht="20.25" customHeight="1">
      <c r="A31" s="1038"/>
      <c r="B31" s="377">
        <v>137877</v>
      </c>
      <c r="C31" s="380" t="s">
        <v>527</v>
      </c>
      <c r="D31" s="1040"/>
      <c r="E31" s="320">
        <v>-2947</v>
      </c>
      <c r="F31" s="304">
        <v>-1956</v>
      </c>
      <c r="G31" s="379">
        <v>-991</v>
      </c>
      <c r="H31" s="320">
        <v>-2646</v>
      </c>
      <c r="I31" s="304">
        <v>-1775</v>
      </c>
      <c r="J31" s="321">
        <v>-871</v>
      </c>
      <c r="K31" s="320" t="s">
        <v>72</v>
      </c>
      <c r="L31" s="304" t="s">
        <v>72</v>
      </c>
      <c r="M31" s="321" t="s">
        <v>72</v>
      </c>
      <c r="N31" s="320">
        <v>2646</v>
      </c>
      <c r="O31" s="320">
        <v>1775</v>
      </c>
      <c r="P31" s="320">
        <v>871</v>
      </c>
      <c r="Q31" s="320">
        <v>-301</v>
      </c>
      <c r="R31" s="304">
        <v>-181</v>
      </c>
      <c r="S31" s="321">
        <v>-120</v>
      </c>
      <c r="T31" s="320">
        <v>1806</v>
      </c>
      <c r="U31" s="304">
        <v>889</v>
      </c>
      <c r="V31" s="379">
        <v>917</v>
      </c>
      <c r="W31" s="320">
        <v>2107</v>
      </c>
      <c r="X31" s="304">
        <v>1070</v>
      </c>
      <c r="Y31" s="379">
        <v>1037</v>
      </c>
    </row>
    <row r="32" spans="1:25" ht="20.25" customHeight="1">
      <c r="A32" s="1038"/>
      <c r="B32" s="377">
        <v>78810</v>
      </c>
      <c r="C32" s="380" t="s">
        <v>528</v>
      </c>
      <c r="D32" s="1040"/>
      <c r="E32" s="320">
        <v>-4293</v>
      </c>
      <c r="F32" s="304">
        <v>-2449</v>
      </c>
      <c r="G32" s="379">
        <v>-1844</v>
      </c>
      <c r="H32" s="320">
        <v>-4343</v>
      </c>
      <c r="I32" s="304">
        <v>-2415</v>
      </c>
      <c r="J32" s="321">
        <v>-1928</v>
      </c>
      <c r="K32" s="320" t="s">
        <v>72</v>
      </c>
      <c r="L32" s="304" t="s">
        <v>72</v>
      </c>
      <c r="M32" s="321" t="s">
        <v>72</v>
      </c>
      <c r="N32" s="320">
        <v>4343</v>
      </c>
      <c r="O32" s="320">
        <v>2415</v>
      </c>
      <c r="P32" s="320">
        <v>1928</v>
      </c>
      <c r="Q32" s="320">
        <v>50</v>
      </c>
      <c r="R32" s="304">
        <v>-34</v>
      </c>
      <c r="S32" s="321">
        <v>84</v>
      </c>
      <c r="T32" s="320">
        <v>1410</v>
      </c>
      <c r="U32" s="304">
        <v>464</v>
      </c>
      <c r="V32" s="379">
        <v>946</v>
      </c>
      <c r="W32" s="320">
        <v>1360</v>
      </c>
      <c r="X32" s="304">
        <v>498</v>
      </c>
      <c r="Y32" s="379">
        <v>862</v>
      </c>
    </row>
    <row r="33" spans="1:25" ht="20.25" customHeight="1">
      <c r="A33" s="1038"/>
      <c r="B33" s="355">
        <v>19252</v>
      </c>
      <c r="C33" s="381" t="s">
        <v>529</v>
      </c>
      <c r="D33" s="1040"/>
      <c r="E33" s="323">
        <v>-2982</v>
      </c>
      <c r="F33" s="307">
        <v>-1086</v>
      </c>
      <c r="G33" s="369">
        <v>-1896</v>
      </c>
      <c r="H33" s="323">
        <v>-3054</v>
      </c>
      <c r="I33" s="307">
        <v>-1101</v>
      </c>
      <c r="J33" s="324">
        <v>-1953</v>
      </c>
      <c r="K33" s="323" t="s">
        <v>72</v>
      </c>
      <c r="L33" s="307" t="s">
        <v>72</v>
      </c>
      <c r="M33" s="324" t="s">
        <v>72</v>
      </c>
      <c r="N33" s="323">
        <v>3054</v>
      </c>
      <c r="O33" s="323">
        <v>1101</v>
      </c>
      <c r="P33" s="323">
        <v>1953</v>
      </c>
      <c r="Q33" s="323">
        <v>72</v>
      </c>
      <c r="R33" s="307">
        <v>15</v>
      </c>
      <c r="S33" s="324">
        <v>57</v>
      </c>
      <c r="T33" s="323">
        <v>454</v>
      </c>
      <c r="U33" s="307">
        <v>103</v>
      </c>
      <c r="V33" s="369">
        <v>351</v>
      </c>
      <c r="W33" s="323">
        <v>382</v>
      </c>
      <c r="X33" s="307">
        <v>88</v>
      </c>
      <c r="Y33" s="369">
        <v>294</v>
      </c>
    </row>
    <row r="34" spans="1:25" ht="20.25" customHeight="1" thickBot="1">
      <c r="A34" s="1039"/>
      <c r="B34" s="881">
        <v>688</v>
      </c>
      <c r="C34" s="247" t="s">
        <v>457</v>
      </c>
      <c r="D34" s="882"/>
      <c r="E34" s="883">
        <v>-314</v>
      </c>
      <c r="F34" s="884">
        <v>-47</v>
      </c>
      <c r="G34" s="885">
        <v>-267</v>
      </c>
      <c r="H34" s="884">
        <v>-319</v>
      </c>
      <c r="I34" s="884">
        <v>-46</v>
      </c>
      <c r="J34" s="886">
        <v>-273</v>
      </c>
      <c r="K34" s="883" t="s">
        <v>72</v>
      </c>
      <c r="L34" s="884" t="s">
        <v>72</v>
      </c>
      <c r="M34" s="884" t="s">
        <v>72</v>
      </c>
      <c r="N34" s="883">
        <v>319</v>
      </c>
      <c r="O34" s="883">
        <v>46</v>
      </c>
      <c r="P34" s="883">
        <v>273</v>
      </c>
      <c r="Q34" s="883">
        <v>5</v>
      </c>
      <c r="R34" s="884">
        <v>-1</v>
      </c>
      <c r="S34" s="886">
        <v>6</v>
      </c>
      <c r="T34" s="883">
        <v>15</v>
      </c>
      <c r="U34" s="884">
        <v>1</v>
      </c>
      <c r="V34" s="885">
        <v>14</v>
      </c>
      <c r="W34" s="883">
        <v>10</v>
      </c>
      <c r="X34" s="884">
        <v>2</v>
      </c>
      <c r="Y34" s="885">
        <v>8</v>
      </c>
    </row>
    <row r="35" spans="1:25" ht="20.25" customHeight="1" thickTop="1">
      <c r="A35" s="371"/>
      <c r="B35" s="481" t="s">
        <v>192</v>
      </c>
      <c r="C35" s="239"/>
      <c r="D35" s="477"/>
      <c r="E35" s="482" t="s">
        <v>192</v>
      </c>
      <c r="F35" s="482" t="s">
        <v>192</v>
      </c>
      <c r="G35" s="483" t="s">
        <v>192</v>
      </c>
      <c r="H35" s="484" t="s">
        <v>192</v>
      </c>
      <c r="I35" s="482" t="s">
        <v>192</v>
      </c>
      <c r="J35" s="483" t="s">
        <v>192</v>
      </c>
      <c r="K35" s="484" t="s">
        <v>192</v>
      </c>
      <c r="L35" s="482" t="s">
        <v>192</v>
      </c>
      <c r="M35" s="482" t="s">
        <v>192</v>
      </c>
      <c r="N35" s="484" t="s">
        <v>192</v>
      </c>
      <c r="O35" s="484" t="s">
        <v>192</v>
      </c>
      <c r="P35" s="484" t="s">
        <v>192</v>
      </c>
      <c r="Q35" s="482" t="s">
        <v>192</v>
      </c>
      <c r="R35" s="482" t="s">
        <v>192</v>
      </c>
      <c r="S35" s="483" t="s">
        <v>192</v>
      </c>
      <c r="T35" s="484" t="s">
        <v>192</v>
      </c>
      <c r="U35" s="482" t="s">
        <v>192</v>
      </c>
      <c r="V35" s="483" t="s">
        <v>192</v>
      </c>
      <c r="W35" s="484" t="s">
        <v>192</v>
      </c>
      <c r="X35" s="482" t="s">
        <v>192</v>
      </c>
      <c r="Y35" s="483" t="s">
        <v>192</v>
      </c>
    </row>
    <row r="36" spans="1:25" ht="20.25" customHeight="1">
      <c r="A36" s="371" t="s">
        <v>517</v>
      </c>
      <c r="B36" s="485">
        <v>1691</v>
      </c>
      <c r="C36" s="365" t="s">
        <v>194</v>
      </c>
      <c r="D36" s="371" t="s">
        <v>517</v>
      </c>
      <c r="E36" s="373">
        <v>999</v>
      </c>
      <c r="F36" s="373">
        <v>718</v>
      </c>
      <c r="G36" s="373">
        <v>281</v>
      </c>
      <c r="H36" s="373">
        <v>-1936</v>
      </c>
      <c r="I36" s="373">
        <v>-913</v>
      </c>
      <c r="J36" s="373">
        <v>-1023</v>
      </c>
      <c r="K36" s="373">
        <v>-723</v>
      </c>
      <c r="L36" s="373">
        <v>-326</v>
      </c>
      <c r="M36" s="373">
        <v>-397</v>
      </c>
      <c r="N36" s="373">
        <v>1213</v>
      </c>
      <c r="O36" s="373">
        <v>587</v>
      </c>
      <c r="P36" s="373">
        <v>626</v>
      </c>
      <c r="Q36" s="373">
        <v>2935</v>
      </c>
      <c r="R36" s="373">
        <v>1631</v>
      </c>
      <c r="S36" s="373">
        <v>1304</v>
      </c>
      <c r="T36" s="373">
        <v>2142</v>
      </c>
      <c r="U36" s="373">
        <v>1050</v>
      </c>
      <c r="V36" s="373">
        <v>1092</v>
      </c>
      <c r="W36" s="373">
        <v>-793</v>
      </c>
      <c r="X36" s="373">
        <v>-581</v>
      </c>
      <c r="Y36" s="373">
        <v>-212</v>
      </c>
    </row>
    <row r="37" spans="1:25" ht="12.75" customHeight="1">
      <c r="A37" s="371" t="s">
        <v>532</v>
      </c>
      <c r="B37" s="382"/>
      <c r="C37" s="341"/>
      <c r="D37" s="368" t="s">
        <v>532</v>
      </c>
      <c r="E37" s="383"/>
      <c r="F37" s="383"/>
      <c r="G37" s="383"/>
      <c r="H37" s="383"/>
      <c r="I37" s="383"/>
      <c r="J37" s="383"/>
      <c r="K37" s="383"/>
      <c r="L37" s="383"/>
      <c r="M37" s="383"/>
      <c r="N37" s="383"/>
      <c r="O37" s="383"/>
      <c r="P37" s="383"/>
      <c r="Q37" s="383"/>
      <c r="R37" s="383"/>
      <c r="S37" s="383"/>
      <c r="T37" s="383"/>
      <c r="U37" s="383"/>
      <c r="V37" s="383"/>
      <c r="W37" s="383"/>
      <c r="X37" s="383"/>
      <c r="Y37" s="383"/>
    </row>
    <row r="38" spans="1:25" ht="20.25" customHeight="1">
      <c r="A38" s="371" t="s">
        <v>530</v>
      </c>
      <c r="B38" s="486">
        <v>-3571</v>
      </c>
      <c r="C38" s="378" t="s">
        <v>518</v>
      </c>
      <c r="D38" s="368" t="s">
        <v>530</v>
      </c>
      <c r="E38" s="373">
        <v>-612</v>
      </c>
      <c r="F38" s="373">
        <v>-233</v>
      </c>
      <c r="G38" s="373">
        <v>-379</v>
      </c>
      <c r="H38" s="373">
        <v>-724</v>
      </c>
      <c r="I38" s="373">
        <v>-326</v>
      </c>
      <c r="J38" s="373">
        <v>-398</v>
      </c>
      <c r="K38" s="373">
        <v>-723</v>
      </c>
      <c r="L38" s="373">
        <v>-326</v>
      </c>
      <c r="M38" s="373">
        <v>-397</v>
      </c>
      <c r="N38" s="373">
        <v>1</v>
      </c>
      <c r="O38" s="373">
        <v>0</v>
      </c>
      <c r="P38" s="373">
        <v>1</v>
      </c>
      <c r="Q38" s="373">
        <v>112</v>
      </c>
      <c r="R38" s="373">
        <v>93</v>
      </c>
      <c r="S38" s="373">
        <v>19</v>
      </c>
      <c r="T38" s="373">
        <v>73</v>
      </c>
      <c r="U38" s="373">
        <v>124</v>
      </c>
      <c r="V38" s="373">
        <v>-51</v>
      </c>
      <c r="W38" s="373">
        <v>-39</v>
      </c>
      <c r="X38" s="373">
        <v>31</v>
      </c>
      <c r="Y38" s="373">
        <v>-70</v>
      </c>
    </row>
    <row r="39" spans="1:25" ht="20.25" customHeight="1">
      <c r="A39" s="1038" t="s">
        <v>533</v>
      </c>
      <c r="B39" s="486">
        <v>98</v>
      </c>
      <c r="C39" s="380" t="s">
        <v>520</v>
      </c>
      <c r="D39" s="1040" t="s">
        <v>534</v>
      </c>
      <c r="E39" s="373">
        <v>204</v>
      </c>
      <c r="F39" s="373">
        <v>27</v>
      </c>
      <c r="G39" s="373">
        <v>177</v>
      </c>
      <c r="H39" s="373">
        <v>2</v>
      </c>
      <c r="I39" s="373">
        <v>4</v>
      </c>
      <c r="J39" s="373">
        <v>-2</v>
      </c>
      <c r="K39" s="373" t="s">
        <v>72</v>
      </c>
      <c r="L39" s="373" t="s">
        <v>72</v>
      </c>
      <c r="M39" s="373" t="s">
        <v>72</v>
      </c>
      <c r="N39" s="373">
        <v>-2</v>
      </c>
      <c r="O39" s="373">
        <v>-4</v>
      </c>
      <c r="P39" s="373">
        <v>2</v>
      </c>
      <c r="Q39" s="373">
        <v>202</v>
      </c>
      <c r="R39" s="373">
        <v>23</v>
      </c>
      <c r="S39" s="373">
        <v>179</v>
      </c>
      <c r="T39" s="373">
        <v>277</v>
      </c>
      <c r="U39" s="373">
        <v>100</v>
      </c>
      <c r="V39" s="373">
        <v>177</v>
      </c>
      <c r="W39" s="373">
        <v>75</v>
      </c>
      <c r="X39" s="373">
        <v>77</v>
      </c>
      <c r="Y39" s="373">
        <v>-2</v>
      </c>
    </row>
    <row r="40" spans="1:25" ht="20.25" customHeight="1">
      <c r="A40" s="1038"/>
      <c r="B40" s="486">
        <v>3863</v>
      </c>
      <c r="C40" s="380" t="s">
        <v>521</v>
      </c>
      <c r="D40" s="1040"/>
      <c r="E40" s="373">
        <v>1233</v>
      </c>
      <c r="F40" s="373">
        <v>858</v>
      </c>
      <c r="G40" s="373">
        <v>375</v>
      </c>
      <c r="H40" s="373">
        <v>-21</v>
      </c>
      <c r="I40" s="373">
        <v>-9</v>
      </c>
      <c r="J40" s="373">
        <v>-12</v>
      </c>
      <c r="K40" s="373" t="s">
        <v>72</v>
      </c>
      <c r="L40" s="373" t="s">
        <v>72</v>
      </c>
      <c r="M40" s="373" t="s">
        <v>72</v>
      </c>
      <c r="N40" s="373">
        <v>21</v>
      </c>
      <c r="O40" s="373">
        <v>9</v>
      </c>
      <c r="P40" s="373">
        <v>12</v>
      </c>
      <c r="Q40" s="373">
        <v>1254</v>
      </c>
      <c r="R40" s="373">
        <v>867</v>
      </c>
      <c r="S40" s="373">
        <v>387</v>
      </c>
      <c r="T40" s="373">
        <v>1198</v>
      </c>
      <c r="U40" s="373">
        <v>684</v>
      </c>
      <c r="V40" s="373">
        <v>514</v>
      </c>
      <c r="W40" s="373">
        <v>-56</v>
      </c>
      <c r="X40" s="373">
        <v>-183</v>
      </c>
      <c r="Y40" s="373">
        <v>127</v>
      </c>
    </row>
    <row r="41" spans="1:25" ht="20.25" customHeight="1">
      <c r="A41" s="1038"/>
      <c r="B41" s="486">
        <v>-2987</v>
      </c>
      <c r="C41" s="380" t="s">
        <v>523</v>
      </c>
      <c r="D41" s="1040"/>
      <c r="E41" s="373">
        <v>1035</v>
      </c>
      <c r="F41" s="373">
        <v>660</v>
      </c>
      <c r="G41" s="373">
        <v>375</v>
      </c>
      <c r="H41" s="373">
        <v>23</v>
      </c>
      <c r="I41" s="373">
        <v>15</v>
      </c>
      <c r="J41" s="373">
        <v>8</v>
      </c>
      <c r="K41" s="373" t="s">
        <v>72</v>
      </c>
      <c r="L41" s="373" t="s">
        <v>72</v>
      </c>
      <c r="M41" s="373" t="s">
        <v>72</v>
      </c>
      <c r="N41" s="373">
        <v>-23</v>
      </c>
      <c r="O41" s="373">
        <v>-15</v>
      </c>
      <c r="P41" s="373">
        <v>-8</v>
      </c>
      <c r="Q41" s="373">
        <v>1012</v>
      </c>
      <c r="R41" s="373">
        <v>645</v>
      </c>
      <c r="S41" s="373">
        <v>367</v>
      </c>
      <c r="T41" s="373">
        <v>515</v>
      </c>
      <c r="U41" s="373">
        <v>329</v>
      </c>
      <c r="V41" s="373">
        <v>186</v>
      </c>
      <c r="W41" s="373">
        <v>-497</v>
      </c>
      <c r="X41" s="373">
        <v>-316</v>
      </c>
      <c r="Y41" s="373">
        <v>-181</v>
      </c>
    </row>
    <row r="42" spans="1:25" ht="20.25" customHeight="1">
      <c r="A42" s="1038"/>
      <c r="B42" s="486">
        <v>-6819</v>
      </c>
      <c r="C42" s="381" t="s">
        <v>524</v>
      </c>
      <c r="D42" s="1040"/>
      <c r="E42" s="383">
        <v>-17</v>
      </c>
      <c r="F42" s="383">
        <v>-46</v>
      </c>
      <c r="G42" s="383">
        <v>29</v>
      </c>
      <c r="H42" s="383">
        <v>7</v>
      </c>
      <c r="I42" s="383">
        <v>15</v>
      </c>
      <c r="J42" s="383">
        <v>-8</v>
      </c>
      <c r="K42" s="383" t="s">
        <v>72</v>
      </c>
      <c r="L42" s="383" t="s">
        <v>72</v>
      </c>
      <c r="M42" s="383" t="s">
        <v>72</v>
      </c>
      <c r="N42" s="383">
        <v>-7</v>
      </c>
      <c r="O42" s="383">
        <v>-15</v>
      </c>
      <c r="P42" s="383">
        <v>8</v>
      </c>
      <c r="Q42" s="383">
        <v>-24</v>
      </c>
      <c r="R42" s="383">
        <v>-61</v>
      </c>
      <c r="S42" s="383">
        <v>37</v>
      </c>
      <c r="T42" s="383">
        <v>-166</v>
      </c>
      <c r="U42" s="383">
        <v>-83</v>
      </c>
      <c r="V42" s="383">
        <v>-83</v>
      </c>
      <c r="W42" s="383">
        <v>-142</v>
      </c>
      <c r="X42" s="383">
        <v>-22</v>
      </c>
      <c r="Y42" s="383">
        <v>-120</v>
      </c>
    </row>
    <row r="43" spans="1:25" ht="20.25" customHeight="1">
      <c r="A43" s="1038"/>
      <c r="B43" s="487">
        <v>6770</v>
      </c>
      <c r="C43" s="380" t="s">
        <v>525</v>
      </c>
      <c r="D43" s="1040"/>
      <c r="E43" s="373">
        <v>-102</v>
      </c>
      <c r="F43" s="373">
        <v>-156</v>
      </c>
      <c r="G43" s="373">
        <v>54</v>
      </c>
      <c r="H43" s="373">
        <v>-32</v>
      </c>
      <c r="I43" s="373">
        <v>-27</v>
      </c>
      <c r="J43" s="373">
        <v>-5</v>
      </c>
      <c r="K43" s="373" t="s">
        <v>72</v>
      </c>
      <c r="L43" s="373" t="s">
        <v>72</v>
      </c>
      <c r="M43" s="373" t="s">
        <v>72</v>
      </c>
      <c r="N43" s="373">
        <v>32</v>
      </c>
      <c r="O43" s="373">
        <v>27</v>
      </c>
      <c r="P43" s="373">
        <v>5</v>
      </c>
      <c r="Q43" s="373">
        <v>-70</v>
      </c>
      <c r="R43" s="373">
        <v>-129</v>
      </c>
      <c r="S43" s="373">
        <v>59</v>
      </c>
      <c r="T43" s="373">
        <v>-51</v>
      </c>
      <c r="U43" s="373">
        <v>-186</v>
      </c>
      <c r="V43" s="373">
        <v>135</v>
      </c>
      <c r="W43" s="373">
        <v>19</v>
      </c>
      <c r="X43" s="373">
        <v>-57</v>
      </c>
      <c r="Y43" s="373">
        <v>76</v>
      </c>
    </row>
    <row r="44" spans="1:25" ht="20.25" customHeight="1">
      <c r="A44" s="1038"/>
      <c r="B44" s="486">
        <v>1505</v>
      </c>
      <c r="C44" s="380" t="s">
        <v>526</v>
      </c>
      <c r="D44" s="1040"/>
      <c r="E44" s="373">
        <v>139</v>
      </c>
      <c r="F44" s="373">
        <v>82</v>
      </c>
      <c r="G44" s="373">
        <v>57</v>
      </c>
      <c r="H44" s="373">
        <v>-53</v>
      </c>
      <c r="I44" s="373">
        <v>-21</v>
      </c>
      <c r="J44" s="373">
        <v>-32</v>
      </c>
      <c r="K44" s="373" t="s">
        <v>72</v>
      </c>
      <c r="L44" s="373" t="s">
        <v>72</v>
      </c>
      <c r="M44" s="373" t="s">
        <v>72</v>
      </c>
      <c r="N44" s="373">
        <v>53</v>
      </c>
      <c r="O44" s="373">
        <v>21</v>
      </c>
      <c r="P44" s="373">
        <v>32</v>
      </c>
      <c r="Q44" s="373">
        <v>192</v>
      </c>
      <c r="R44" s="373">
        <v>103</v>
      </c>
      <c r="S44" s="373">
        <v>89</v>
      </c>
      <c r="T44" s="373">
        <v>148</v>
      </c>
      <c r="U44" s="373">
        <v>26</v>
      </c>
      <c r="V44" s="373">
        <v>122</v>
      </c>
      <c r="W44" s="373">
        <v>-44</v>
      </c>
      <c r="X44" s="373">
        <v>-77</v>
      </c>
      <c r="Y44" s="373">
        <v>33</v>
      </c>
    </row>
    <row r="45" spans="1:25" ht="20.25" customHeight="1">
      <c r="A45" s="1038"/>
      <c r="B45" s="486">
        <v>-429</v>
      </c>
      <c r="C45" s="380" t="s">
        <v>527</v>
      </c>
      <c r="D45" s="1040"/>
      <c r="E45" s="373">
        <v>-70</v>
      </c>
      <c r="F45" s="373">
        <v>-126</v>
      </c>
      <c r="G45" s="373">
        <v>56</v>
      </c>
      <c r="H45" s="373">
        <v>-168</v>
      </c>
      <c r="I45" s="373">
        <v>-141</v>
      </c>
      <c r="J45" s="373">
        <v>-27</v>
      </c>
      <c r="K45" s="373" t="s">
        <v>72</v>
      </c>
      <c r="L45" s="373" t="s">
        <v>72</v>
      </c>
      <c r="M45" s="373" t="s">
        <v>72</v>
      </c>
      <c r="N45" s="373">
        <v>168</v>
      </c>
      <c r="O45" s="373">
        <v>141</v>
      </c>
      <c r="P45" s="373">
        <v>27</v>
      </c>
      <c r="Q45" s="373">
        <v>98</v>
      </c>
      <c r="R45" s="373">
        <v>15</v>
      </c>
      <c r="S45" s="373">
        <v>83</v>
      </c>
      <c r="T45" s="373">
        <v>23</v>
      </c>
      <c r="U45" s="373">
        <v>8</v>
      </c>
      <c r="V45" s="373">
        <v>15</v>
      </c>
      <c r="W45" s="373">
        <v>-75</v>
      </c>
      <c r="X45" s="373">
        <v>-7</v>
      </c>
      <c r="Y45" s="373">
        <v>-68</v>
      </c>
    </row>
    <row r="46" spans="1:25" ht="20.25" customHeight="1">
      <c r="A46" s="1038"/>
      <c r="B46" s="486">
        <v>1915</v>
      </c>
      <c r="C46" s="380" t="s">
        <v>528</v>
      </c>
      <c r="D46" s="1040"/>
      <c r="E46" s="373">
        <v>-287</v>
      </c>
      <c r="F46" s="373">
        <v>-178</v>
      </c>
      <c r="G46" s="373">
        <v>-109</v>
      </c>
      <c r="H46" s="373">
        <v>-431</v>
      </c>
      <c r="I46" s="373">
        <v>-242</v>
      </c>
      <c r="J46" s="373">
        <v>-189</v>
      </c>
      <c r="K46" s="373" t="s">
        <v>72</v>
      </c>
      <c r="L46" s="373" t="s">
        <v>72</v>
      </c>
      <c r="M46" s="373" t="s">
        <v>72</v>
      </c>
      <c r="N46" s="373">
        <v>431</v>
      </c>
      <c r="O46" s="373">
        <v>242</v>
      </c>
      <c r="P46" s="373">
        <v>189</v>
      </c>
      <c r="Q46" s="373">
        <v>144</v>
      </c>
      <c r="R46" s="373">
        <v>64</v>
      </c>
      <c r="S46" s="373">
        <v>80</v>
      </c>
      <c r="T46" s="373">
        <v>57</v>
      </c>
      <c r="U46" s="373">
        <v>15</v>
      </c>
      <c r="V46" s="373">
        <v>42</v>
      </c>
      <c r="W46" s="373">
        <v>-87</v>
      </c>
      <c r="X46" s="373">
        <v>-49</v>
      </c>
      <c r="Y46" s="373">
        <v>-38</v>
      </c>
    </row>
    <row r="47" spans="1:25" ht="20.25" customHeight="1">
      <c r="A47" s="1038"/>
      <c r="B47" s="488">
        <v>1312</v>
      </c>
      <c r="C47" s="381" t="s">
        <v>529</v>
      </c>
      <c r="D47" s="1040"/>
      <c r="E47" s="383">
        <v>-487</v>
      </c>
      <c r="F47" s="383">
        <v>-168</v>
      </c>
      <c r="G47" s="383">
        <v>-319</v>
      </c>
      <c r="H47" s="383">
        <v>-506</v>
      </c>
      <c r="I47" s="383">
        <v>-177</v>
      </c>
      <c r="J47" s="383">
        <v>-329</v>
      </c>
      <c r="K47" s="383" t="s">
        <v>72</v>
      </c>
      <c r="L47" s="383" t="s">
        <v>72</v>
      </c>
      <c r="M47" s="383" t="s">
        <v>72</v>
      </c>
      <c r="N47" s="383">
        <v>506</v>
      </c>
      <c r="O47" s="383">
        <v>177</v>
      </c>
      <c r="P47" s="383">
        <v>329</v>
      </c>
      <c r="Q47" s="383">
        <v>19</v>
      </c>
      <c r="R47" s="383">
        <v>9</v>
      </c>
      <c r="S47" s="383">
        <v>10</v>
      </c>
      <c r="T47" s="383">
        <v>67</v>
      </c>
      <c r="U47" s="383">
        <v>30</v>
      </c>
      <c r="V47" s="383">
        <v>37</v>
      </c>
      <c r="W47" s="383">
        <v>48</v>
      </c>
      <c r="X47" s="383">
        <v>21</v>
      </c>
      <c r="Y47" s="383">
        <v>27</v>
      </c>
    </row>
    <row r="48" spans="1:25" ht="20.25" customHeight="1" thickBot="1">
      <c r="A48" s="1041"/>
      <c r="B48" s="889">
        <v>34</v>
      </c>
      <c r="C48" s="247" t="s">
        <v>457</v>
      </c>
      <c r="D48" s="1042"/>
      <c r="E48" s="888">
        <v>-37</v>
      </c>
      <c r="F48" s="888">
        <v>-2</v>
      </c>
      <c r="G48" s="888">
        <v>-35</v>
      </c>
      <c r="H48" s="888">
        <v>-33</v>
      </c>
      <c r="I48" s="888">
        <v>-4</v>
      </c>
      <c r="J48" s="888">
        <v>-29</v>
      </c>
      <c r="K48" s="888" t="s">
        <v>72</v>
      </c>
      <c r="L48" s="888" t="s">
        <v>72</v>
      </c>
      <c r="M48" s="888" t="s">
        <v>72</v>
      </c>
      <c r="N48" s="888">
        <v>33</v>
      </c>
      <c r="O48" s="888">
        <v>4</v>
      </c>
      <c r="P48" s="888">
        <v>29</v>
      </c>
      <c r="Q48" s="888">
        <v>-4</v>
      </c>
      <c r="R48" s="888">
        <v>2</v>
      </c>
      <c r="S48" s="888">
        <v>-6</v>
      </c>
      <c r="T48" s="888">
        <v>1</v>
      </c>
      <c r="U48" s="888">
        <v>3</v>
      </c>
      <c r="V48" s="888">
        <v>-2</v>
      </c>
      <c r="W48" s="888">
        <v>5</v>
      </c>
      <c r="X48" s="888">
        <v>1</v>
      </c>
      <c r="Y48" s="888">
        <v>4</v>
      </c>
    </row>
    <row r="49" spans="1:25" ht="9.75" customHeight="1" thickTop="1">
      <c r="A49" s="384"/>
      <c r="B49" s="386"/>
      <c r="C49" s="386"/>
      <c r="D49" s="386"/>
      <c r="E49" s="386"/>
      <c r="F49" s="386"/>
      <c r="G49" s="386"/>
      <c r="H49" s="386"/>
      <c r="I49" s="386"/>
    </row>
    <row r="50" spans="1:25" ht="16.5" customHeight="1">
      <c r="A50" s="489" t="s">
        <v>463</v>
      </c>
      <c r="C50" s="490"/>
      <c r="D50" s="490"/>
      <c r="E50" s="490"/>
      <c r="F50" s="490"/>
      <c r="G50" s="490"/>
      <c r="H50" s="490"/>
      <c r="I50" s="490"/>
      <c r="J50" s="490"/>
      <c r="K50" s="491"/>
      <c r="L50" s="353"/>
      <c r="M50" s="353"/>
      <c r="N50" s="353"/>
      <c r="O50" s="353"/>
      <c r="P50" s="353"/>
      <c r="Q50" s="353"/>
      <c r="R50" s="353"/>
      <c r="S50" s="353"/>
      <c r="T50" s="353"/>
      <c r="U50" s="353"/>
      <c r="V50" s="353"/>
      <c r="W50" s="353"/>
      <c r="X50" s="353"/>
      <c r="Y50" s="353"/>
    </row>
    <row r="51" spans="1:25" ht="16.5" customHeight="1">
      <c r="A51" s="489" t="s">
        <v>464</v>
      </c>
      <c r="C51" s="492"/>
      <c r="D51" s="492"/>
      <c r="E51" s="492"/>
      <c r="F51" s="492"/>
      <c r="G51" s="492"/>
      <c r="H51" s="492"/>
      <c r="I51" s="492"/>
      <c r="J51" s="492"/>
      <c r="K51" s="492"/>
      <c r="L51" s="353"/>
      <c r="M51" s="353"/>
      <c r="N51" s="353"/>
      <c r="O51" s="353"/>
      <c r="P51" s="353"/>
      <c r="Q51" s="353"/>
      <c r="R51" s="353"/>
      <c r="S51" s="353"/>
      <c r="T51" s="353"/>
      <c r="U51" s="353"/>
      <c r="V51" s="353"/>
      <c r="W51" s="353"/>
      <c r="X51" s="353"/>
      <c r="Y51" s="353"/>
    </row>
    <row r="52" spans="1:25" ht="16.5" customHeight="1">
      <c r="A52" s="489" t="s">
        <v>465</v>
      </c>
      <c r="C52" s="353"/>
      <c r="D52" s="353"/>
      <c r="E52" s="353"/>
      <c r="F52" s="353"/>
      <c r="G52" s="353"/>
      <c r="H52" s="353"/>
      <c r="I52" s="353"/>
      <c r="J52" s="353"/>
      <c r="K52" s="353"/>
      <c r="L52" s="353"/>
      <c r="M52" s="353"/>
      <c r="N52" s="353"/>
      <c r="O52" s="353"/>
      <c r="P52" s="353"/>
      <c r="Q52" s="353"/>
      <c r="R52" s="353"/>
      <c r="S52" s="353"/>
      <c r="T52" s="353"/>
      <c r="U52" s="353"/>
      <c r="V52" s="353"/>
      <c r="W52" s="353"/>
      <c r="X52" s="353"/>
      <c r="Y52" s="353"/>
    </row>
    <row r="57" spans="1:25">
      <c r="B57" s="386"/>
    </row>
  </sheetData>
  <mergeCells count="21">
    <mergeCell ref="A4:B4"/>
    <mergeCell ref="E4:G4"/>
    <mergeCell ref="H4:J4"/>
    <mergeCell ref="K4:M4"/>
    <mergeCell ref="N4:P4"/>
    <mergeCell ref="T4:V4"/>
    <mergeCell ref="W4:Y4"/>
    <mergeCell ref="E5:G5"/>
    <mergeCell ref="H5:J5"/>
    <mergeCell ref="K5:M5"/>
    <mergeCell ref="N5:P5"/>
    <mergeCell ref="Q5:S5"/>
    <mergeCell ref="T5:V5"/>
    <mergeCell ref="W5:Y5"/>
    <mergeCell ref="Q4:S4"/>
    <mergeCell ref="A12:A20"/>
    <mergeCell ref="D12:D19"/>
    <mergeCell ref="A26:A34"/>
    <mergeCell ref="D26:D33"/>
    <mergeCell ref="A39:A48"/>
    <mergeCell ref="D39:D48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80" orientation="landscape" blackAndWhite="1" r:id="rId1"/>
  <headerFooter scaleWithDoc="0"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57"/>
  <sheetViews>
    <sheetView view="pageBreakPreview" zoomScale="80" zoomScaleNormal="80" zoomScaleSheetLayoutView="80" workbookViewId="0"/>
  </sheetViews>
  <sheetFormatPr defaultRowHeight="13.5"/>
  <cols>
    <col min="1" max="1" width="5.625" style="151" customWidth="1"/>
    <col min="2" max="2" width="15" style="151" customWidth="1"/>
    <col min="3" max="3" width="12.5" style="151" customWidth="1"/>
    <col min="4" max="4" width="5.625" style="151" customWidth="1"/>
    <col min="5" max="25" width="10" style="151" customWidth="1"/>
    <col min="26" max="16384" width="9" style="151"/>
  </cols>
  <sheetData>
    <row r="1" spans="1:25" ht="21" customHeight="1" thickBot="1">
      <c r="A1" s="658" t="s">
        <v>537</v>
      </c>
      <c r="C1" s="329"/>
      <c r="D1" s="329"/>
      <c r="E1" s="329"/>
      <c r="F1" s="329"/>
      <c r="G1" s="329"/>
      <c r="R1" s="329"/>
      <c r="T1" s="329"/>
      <c r="X1" s="330"/>
      <c r="Y1" s="463" t="s">
        <v>628</v>
      </c>
    </row>
    <row r="2" spans="1:25" ht="20.25" customHeight="1" thickTop="1">
      <c r="A2" s="356"/>
      <c r="B2" s="357"/>
      <c r="C2" s="464"/>
      <c r="D2" s="331"/>
      <c r="E2" s="331"/>
      <c r="F2" s="331"/>
      <c r="G2" s="331"/>
      <c r="H2" s="331"/>
      <c r="I2" s="331"/>
      <c r="J2" s="331"/>
      <c r="K2" s="331"/>
      <c r="L2" s="331"/>
      <c r="M2" s="331"/>
      <c r="N2" s="331"/>
      <c r="O2" s="331"/>
      <c r="P2" s="331"/>
      <c r="Q2" s="331"/>
      <c r="R2" s="331"/>
      <c r="S2" s="331"/>
      <c r="T2" s="331"/>
      <c r="U2" s="331"/>
      <c r="V2" s="331"/>
      <c r="W2" s="331"/>
      <c r="X2" s="331"/>
      <c r="Y2" s="331"/>
    </row>
    <row r="3" spans="1:25" ht="20.25" customHeight="1">
      <c r="A3" s="358"/>
      <c r="B3" s="359"/>
      <c r="C3" s="332"/>
      <c r="D3" s="360"/>
      <c r="E3" s="465"/>
      <c r="F3" s="333"/>
      <c r="G3" s="334"/>
      <c r="H3" s="466"/>
      <c r="I3" s="467"/>
      <c r="J3" s="335"/>
      <c r="K3" s="335"/>
      <c r="L3" s="335"/>
      <c r="M3" s="335"/>
      <c r="N3" s="335"/>
      <c r="O3" s="335"/>
      <c r="P3" s="335"/>
      <c r="Q3" s="466"/>
      <c r="R3" s="467"/>
      <c r="S3" s="335"/>
      <c r="T3" s="335"/>
      <c r="U3" s="335"/>
      <c r="V3" s="335"/>
      <c r="W3" s="335"/>
      <c r="X3" s="335"/>
      <c r="Y3" s="335"/>
    </row>
    <row r="4" spans="1:25" ht="20.25" customHeight="1">
      <c r="A4" s="1043" t="s">
        <v>420</v>
      </c>
      <c r="B4" s="1044"/>
      <c r="C4" s="468" t="s">
        <v>253</v>
      </c>
      <c r="D4" s="366"/>
      <c r="E4" s="1034" t="s">
        <v>490</v>
      </c>
      <c r="F4" s="1034"/>
      <c r="G4" s="1035"/>
      <c r="H4" s="1033" t="s">
        <v>422</v>
      </c>
      <c r="I4" s="1034"/>
      <c r="J4" s="1035"/>
      <c r="K4" s="1027" t="s">
        <v>423</v>
      </c>
      <c r="L4" s="1028"/>
      <c r="M4" s="1029"/>
      <c r="N4" s="1027" t="s">
        <v>491</v>
      </c>
      <c r="O4" s="1028"/>
      <c r="P4" s="1028"/>
      <c r="Q4" s="1033" t="s">
        <v>425</v>
      </c>
      <c r="R4" s="1034"/>
      <c r="S4" s="1035"/>
      <c r="T4" s="1027" t="s">
        <v>426</v>
      </c>
      <c r="U4" s="1028"/>
      <c r="V4" s="1028"/>
      <c r="W4" s="1027" t="s">
        <v>427</v>
      </c>
      <c r="X4" s="1028"/>
      <c r="Y4" s="1028"/>
    </row>
    <row r="5" spans="1:25" ht="20.25" customHeight="1">
      <c r="A5" s="358"/>
      <c r="B5" s="359"/>
      <c r="C5" s="347"/>
      <c r="D5" s="469"/>
      <c r="E5" s="1031" t="s">
        <v>492</v>
      </c>
      <c r="F5" s="1031"/>
      <c r="G5" s="1032"/>
      <c r="H5" s="1030" t="s">
        <v>493</v>
      </c>
      <c r="I5" s="1031"/>
      <c r="J5" s="1032"/>
      <c r="K5" s="1030" t="s">
        <v>494</v>
      </c>
      <c r="L5" s="1031"/>
      <c r="M5" s="1032"/>
      <c r="N5" s="1030" t="s">
        <v>495</v>
      </c>
      <c r="O5" s="1031"/>
      <c r="P5" s="1031"/>
      <c r="Q5" s="1030" t="s">
        <v>496</v>
      </c>
      <c r="R5" s="1031"/>
      <c r="S5" s="1032"/>
      <c r="T5" s="1030" t="s">
        <v>433</v>
      </c>
      <c r="U5" s="1031"/>
      <c r="V5" s="1031"/>
      <c r="W5" s="1030" t="s">
        <v>434</v>
      </c>
      <c r="X5" s="1031"/>
      <c r="Y5" s="1031"/>
    </row>
    <row r="6" spans="1:25" ht="20.25" customHeight="1">
      <c r="A6" s="361"/>
      <c r="B6" s="362"/>
      <c r="C6" s="470"/>
      <c r="D6" s="471"/>
      <c r="E6" s="472" t="s">
        <v>497</v>
      </c>
      <c r="F6" s="472" t="s">
        <v>498</v>
      </c>
      <c r="G6" s="473" t="s">
        <v>499</v>
      </c>
      <c r="H6" s="474" t="s">
        <v>497</v>
      </c>
      <c r="I6" s="472" t="s">
        <v>498</v>
      </c>
      <c r="J6" s="473" t="s">
        <v>499</v>
      </c>
      <c r="K6" s="474" t="s">
        <v>500</v>
      </c>
      <c r="L6" s="472" t="s">
        <v>498</v>
      </c>
      <c r="M6" s="472" t="s">
        <v>499</v>
      </c>
      <c r="N6" s="475" t="s">
        <v>500</v>
      </c>
      <c r="O6" s="475" t="s">
        <v>502</v>
      </c>
      <c r="P6" s="475" t="s">
        <v>499</v>
      </c>
      <c r="Q6" s="472" t="s">
        <v>497</v>
      </c>
      <c r="R6" s="472" t="s">
        <v>498</v>
      </c>
      <c r="S6" s="473" t="s">
        <v>499</v>
      </c>
      <c r="T6" s="474" t="s">
        <v>497</v>
      </c>
      <c r="U6" s="475" t="s">
        <v>498</v>
      </c>
      <c r="V6" s="475" t="s">
        <v>499</v>
      </c>
      <c r="W6" s="475" t="s">
        <v>497</v>
      </c>
      <c r="X6" s="475" t="s">
        <v>498</v>
      </c>
      <c r="Y6" s="475" t="s">
        <v>499</v>
      </c>
    </row>
    <row r="7" spans="1:25" ht="20.25" customHeight="1">
      <c r="A7" s="363"/>
      <c r="B7" s="476" t="s">
        <v>192</v>
      </c>
      <c r="C7" s="239"/>
      <c r="D7" s="477"/>
      <c r="E7" s="478" t="s">
        <v>192</v>
      </c>
      <c r="F7" s="105" t="s">
        <v>192</v>
      </c>
      <c r="G7" s="86" t="s">
        <v>192</v>
      </c>
      <c r="H7" s="106" t="s">
        <v>192</v>
      </c>
      <c r="I7" s="105" t="s">
        <v>192</v>
      </c>
      <c r="J7" s="86" t="s">
        <v>192</v>
      </c>
      <c r="K7" s="106" t="s">
        <v>192</v>
      </c>
      <c r="L7" s="105" t="s">
        <v>192</v>
      </c>
      <c r="M7" s="105" t="s">
        <v>192</v>
      </c>
      <c r="N7" s="479" t="s">
        <v>192</v>
      </c>
      <c r="O7" s="479" t="s">
        <v>192</v>
      </c>
      <c r="P7" s="479" t="s">
        <v>192</v>
      </c>
      <c r="Q7" s="478" t="s">
        <v>192</v>
      </c>
      <c r="R7" s="105" t="s">
        <v>192</v>
      </c>
      <c r="S7" s="86" t="s">
        <v>192</v>
      </c>
      <c r="T7" s="479" t="s">
        <v>192</v>
      </c>
      <c r="U7" s="479" t="s">
        <v>192</v>
      </c>
      <c r="V7" s="479" t="s">
        <v>192</v>
      </c>
      <c r="W7" s="479" t="s">
        <v>192</v>
      </c>
      <c r="X7" s="479" t="s">
        <v>192</v>
      </c>
      <c r="Y7" s="479" t="s">
        <v>192</v>
      </c>
    </row>
    <row r="8" spans="1:25" ht="20.25" customHeight="1">
      <c r="A8" s="364"/>
      <c r="B8" s="372">
        <v>679613</v>
      </c>
      <c r="C8" s="365" t="s">
        <v>194</v>
      </c>
      <c r="D8" s="366"/>
      <c r="E8" s="373">
        <v>-6226</v>
      </c>
      <c r="F8" s="374">
        <v>-3269</v>
      </c>
      <c r="G8" s="375">
        <v>-2957</v>
      </c>
      <c r="H8" s="373">
        <v>-6357</v>
      </c>
      <c r="I8" s="374">
        <v>-3319</v>
      </c>
      <c r="J8" s="376">
        <v>-3038</v>
      </c>
      <c r="K8" s="373">
        <v>3329</v>
      </c>
      <c r="L8" s="374">
        <v>1670</v>
      </c>
      <c r="M8" s="376">
        <v>1659</v>
      </c>
      <c r="N8" s="375">
        <v>9686</v>
      </c>
      <c r="O8" s="373">
        <v>4989</v>
      </c>
      <c r="P8" s="373">
        <v>4697</v>
      </c>
      <c r="Q8" s="373">
        <v>131</v>
      </c>
      <c r="R8" s="374">
        <v>50</v>
      </c>
      <c r="S8" s="376">
        <v>81</v>
      </c>
      <c r="T8" s="375">
        <v>27160</v>
      </c>
      <c r="U8" s="373">
        <v>15379</v>
      </c>
      <c r="V8" s="373">
        <v>11781</v>
      </c>
      <c r="W8" s="373">
        <v>27029</v>
      </c>
      <c r="X8" s="373">
        <v>15329</v>
      </c>
      <c r="Y8" s="373">
        <v>11700</v>
      </c>
    </row>
    <row r="9" spans="1:25" ht="12.75" customHeight="1">
      <c r="A9" s="367"/>
      <c r="B9" s="385"/>
      <c r="C9" s="341"/>
      <c r="D9" s="368"/>
      <c r="E9" s="323"/>
      <c r="F9" s="307"/>
      <c r="G9" s="369"/>
      <c r="H9" s="323"/>
      <c r="I9" s="307"/>
      <c r="J9" s="324"/>
      <c r="K9" s="323"/>
      <c r="L9" s="307"/>
      <c r="M9" s="324"/>
      <c r="N9" s="369"/>
      <c r="O9" s="323"/>
      <c r="P9" s="307"/>
      <c r="Q9" s="323"/>
      <c r="R9" s="307"/>
      <c r="S9" s="324"/>
      <c r="T9" s="369"/>
      <c r="U9" s="307"/>
      <c r="V9" s="369"/>
      <c r="W9" s="323"/>
      <c r="X9" s="307"/>
      <c r="Y9" s="369"/>
    </row>
    <row r="10" spans="1:25" ht="20.25" customHeight="1">
      <c r="A10" s="364" t="s">
        <v>517</v>
      </c>
      <c r="B10" s="377">
        <v>42643</v>
      </c>
      <c r="C10" s="378" t="s">
        <v>518</v>
      </c>
      <c r="D10" s="366" t="s">
        <v>519</v>
      </c>
      <c r="E10" s="320">
        <v>3863</v>
      </c>
      <c r="F10" s="304">
        <v>1890</v>
      </c>
      <c r="G10" s="379">
        <v>1973</v>
      </c>
      <c r="H10" s="320">
        <v>3324</v>
      </c>
      <c r="I10" s="304">
        <v>1667</v>
      </c>
      <c r="J10" s="321">
        <v>1657</v>
      </c>
      <c r="K10" s="320">
        <v>3329</v>
      </c>
      <c r="L10" s="320">
        <v>1670</v>
      </c>
      <c r="M10" s="320">
        <v>1659</v>
      </c>
      <c r="N10" s="320">
        <v>5</v>
      </c>
      <c r="O10" s="320">
        <v>3</v>
      </c>
      <c r="P10" s="320">
        <v>2</v>
      </c>
      <c r="Q10" s="320">
        <v>539</v>
      </c>
      <c r="R10" s="304">
        <v>223</v>
      </c>
      <c r="S10" s="321">
        <v>316</v>
      </c>
      <c r="T10" s="320">
        <v>2305</v>
      </c>
      <c r="U10" s="304">
        <v>1162</v>
      </c>
      <c r="V10" s="379">
        <v>1143</v>
      </c>
      <c r="W10" s="320">
        <v>1766</v>
      </c>
      <c r="X10" s="304">
        <v>939</v>
      </c>
      <c r="Y10" s="379">
        <v>827</v>
      </c>
    </row>
    <row r="11" spans="1:25" ht="20.25" customHeight="1">
      <c r="A11" s="370"/>
      <c r="B11" s="377">
        <v>58584</v>
      </c>
      <c r="C11" s="380" t="s">
        <v>520</v>
      </c>
      <c r="D11" s="480"/>
      <c r="E11" s="320">
        <v>451</v>
      </c>
      <c r="F11" s="304">
        <v>416</v>
      </c>
      <c r="G11" s="379">
        <v>35</v>
      </c>
      <c r="H11" s="320">
        <v>-12</v>
      </c>
      <c r="I11" s="304">
        <v>-8</v>
      </c>
      <c r="J11" s="321">
        <v>-4</v>
      </c>
      <c r="K11" s="320" t="s">
        <v>72</v>
      </c>
      <c r="L11" s="304" t="s">
        <v>72</v>
      </c>
      <c r="M11" s="321" t="s">
        <v>72</v>
      </c>
      <c r="N11" s="320">
        <v>12</v>
      </c>
      <c r="O11" s="320">
        <v>8</v>
      </c>
      <c r="P11" s="320">
        <v>4</v>
      </c>
      <c r="Q11" s="320">
        <v>463</v>
      </c>
      <c r="R11" s="304">
        <v>424</v>
      </c>
      <c r="S11" s="321">
        <v>39</v>
      </c>
      <c r="T11" s="320">
        <v>3052</v>
      </c>
      <c r="U11" s="304">
        <v>2263</v>
      </c>
      <c r="V11" s="379">
        <v>789</v>
      </c>
      <c r="W11" s="320">
        <v>2589</v>
      </c>
      <c r="X11" s="304">
        <v>1839</v>
      </c>
      <c r="Y11" s="379">
        <v>750</v>
      </c>
    </row>
    <row r="12" spans="1:25" ht="20.25" customHeight="1">
      <c r="A12" s="1038" t="s">
        <v>435</v>
      </c>
      <c r="B12" s="377">
        <v>57243</v>
      </c>
      <c r="C12" s="380" t="s">
        <v>521</v>
      </c>
      <c r="D12" s="1040" t="s">
        <v>522</v>
      </c>
      <c r="E12" s="320">
        <v>-1926</v>
      </c>
      <c r="F12" s="304">
        <v>-1090</v>
      </c>
      <c r="G12" s="379">
        <v>-836</v>
      </c>
      <c r="H12" s="320">
        <v>-23</v>
      </c>
      <c r="I12" s="304">
        <v>-15</v>
      </c>
      <c r="J12" s="321">
        <v>-8</v>
      </c>
      <c r="K12" s="320" t="s">
        <v>72</v>
      </c>
      <c r="L12" s="304" t="s">
        <v>72</v>
      </c>
      <c r="M12" s="321" t="s">
        <v>72</v>
      </c>
      <c r="N12" s="320">
        <v>23</v>
      </c>
      <c r="O12" s="320">
        <v>15</v>
      </c>
      <c r="P12" s="320">
        <v>8</v>
      </c>
      <c r="Q12" s="320">
        <v>-1903</v>
      </c>
      <c r="R12" s="304">
        <v>-1075</v>
      </c>
      <c r="S12" s="321">
        <v>-828</v>
      </c>
      <c r="T12" s="320">
        <v>8134</v>
      </c>
      <c r="U12" s="304">
        <v>4759</v>
      </c>
      <c r="V12" s="379">
        <v>3375</v>
      </c>
      <c r="W12" s="320">
        <v>10037</v>
      </c>
      <c r="X12" s="304">
        <v>5834</v>
      </c>
      <c r="Y12" s="379">
        <v>4203</v>
      </c>
    </row>
    <row r="13" spans="1:25" ht="20.25" customHeight="1">
      <c r="A13" s="1038"/>
      <c r="B13" s="377">
        <v>59346</v>
      </c>
      <c r="C13" s="380" t="s">
        <v>523</v>
      </c>
      <c r="D13" s="1040"/>
      <c r="E13" s="320">
        <v>289</v>
      </c>
      <c r="F13" s="304">
        <v>53</v>
      </c>
      <c r="G13" s="379">
        <v>236</v>
      </c>
      <c r="H13" s="320">
        <v>-33</v>
      </c>
      <c r="I13" s="304">
        <v>-25</v>
      </c>
      <c r="J13" s="321">
        <v>-8</v>
      </c>
      <c r="K13" s="320" t="s">
        <v>72</v>
      </c>
      <c r="L13" s="304" t="s">
        <v>72</v>
      </c>
      <c r="M13" s="321" t="s">
        <v>72</v>
      </c>
      <c r="N13" s="320">
        <v>33</v>
      </c>
      <c r="O13" s="320">
        <v>25</v>
      </c>
      <c r="P13" s="320">
        <v>8</v>
      </c>
      <c r="Q13" s="320">
        <v>322</v>
      </c>
      <c r="R13" s="304">
        <v>78</v>
      </c>
      <c r="S13" s="321">
        <v>244</v>
      </c>
      <c r="T13" s="320">
        <v>5336</v>
      </c>
      <c r="U13" s="304">
        <v>2835</v>
      </c>
      <c r="V13" s="379">
        <v>2501</v>
      </c>
      <c r="W13" s="320">
        <v>5014</v>
      </c>
      <c r="X13" s="304">
        <v>2757</v>
      </c>
      <c r="Y13" s="379">
        <v>2257</v>
      </c>
    </row>
    <row r="14" spans="1:25" ht="20.25" customHeight="1">
      <c r="A14" s="1038"/>
      <c r="B14" s="355">
        <v>90928</v>
      </c>
      <c r="C14" s="381" t="s">
        <v>524</v>
      </c>
      <c r="D14" s="1040"/>
      <c r="E14" s="323">
        <v>284</v>
      </c>
      <c r="F14" s="307">
        <v>131</v>
      </c>
      <c r="G14" s="369">
        <v>153</v>
      </c>
      <c r="H14" s="307">
        <v>-117</v>
      </c>
      <c r="I14" s="307">
        <v>-78</v>
      </c>
      <c r="J14" s="324">
        <v>-39</v>
      </c>
      <c r="K14" s="307" t="s">
        <v>72</v>
      </c>
      <c r="L14" s="307" t="s">
        <v>72</v>
      </c>
      <c r="M14" s="324" t="s">
        <v>72</v>
      </c>
      <c r="N14" s="323">
        <v>117</v>
      </c>
      <c r="O14" s="323">
        <v>78</v>
      </c>
      <c r="P14" s="323">
        <v>39</v>
      </c>
      <c r="Q14" s="323">
        <v>401</v>
      </c>
      <c r="R14" s="307">
        <v>209</v>
      </c>
      <c r="S14" s="324">
        <v>192</v>
      </c>
      <c r="T14" s="323">
        <v>3257</v>
      </c>
      <c r="U14" s="307">
        <v>1798</v>
      </c>
      <c r="V14" s="369">
        <v>1459</v>
      </c>
      <c r="W14" s="323">
        <v>2856</v>
      </c>
      <c r="X14" s="307">
        <v>1589</v>
      </c>
      <c r="Y14" s="369">
        <v>1267</v>
      </c>
    </row>
    <row r="15" spans="1:25" ht="20.25" customHeight="1">
      <c r="A15" s="1038"/>
      <c r="B15" s="377">
        <v>104935</v>
      </c>
      <c r="C15" s="380" t="s">
        <v>525</v>
      </c>
      <c r="D15" s="1040"/>
      <c r="E15" s="320">
        <v>-55</v>
      </c>
      <c r="F15" s="304">
        <v>-99</v>
      </c>
      <c r="G15" s="379">
        <v>44</v>
      </c>
      <c r="H15" s="320">
        <v>-293</v>
      </c>
      <c r="I15" s="304">
        <v>-186</v>
      </c>
      <c r="J15" s="321">
        <v>-107</v>
      </c>
      <c r="K15" s="320" t="s">
        <v>72</v>
      </c>
      <c r="L15" s="304" t="s">
        <v>72</v>
      </c>
      <c r="M15" s="304" t="s">
        <v>72</v>
      </c>
      <c r="N15" s="320">
        <v>293</v>
      </c>
      <c r="O15" s="320">
        <v>186</v>
      </c>
      <c r="P15" s="320">
        <v>107</v>
      </c>
      <c r="Q15" s="320">
        <v>238</v>
      </c>
      <c r="R15" s="304">
        <v>87</v>
      </c>
      <c r="S15" s="321">
        <v>151</v>
      </c>
      <c r="T15" s="320">
        <v>2319</v>
      </c>
      <c r="U15" s="304">
        <v>1276</v>
      </c>
      <c r="V15" s="379">
        <v>1043</v>
      </c>
      <c r="W15" s="320">
        <v>2081</v>
      </c>
      <c r="X15" s="304">
        <v>1189</v>
      </c>
      <c r="Y15" s="379">
        <v>892</v>
      </c>
    </row>
    <row r="16" spans="1:25" ht="20.25" customHeight="1">
      <c r="A16" s="1038"/>
      <c r="B16" s="377">
        <v>80703</v>
      </c>
      <c r="C16" s="380" t="s">
        <v>526</v>
      </c>
      <c r="D16" s="1040"/>
      <c r="E16" s="320">
        <v>-404</v>
      </c>
      <c r="F16" s="304">
        <v>-248</v>
      </c>
      <c r="G16" s="379">
        <v>-156</v>
      </c>
      <c r="H16" s="320">
        <v>-570</v>
      </c>
      <c r="I16" s="304">
        <v>-376</v>
      </c>
      <c r="J16" s="321">
        <v>-194</v>
      </c>
      <c r="K16" s="320" t="s">
        <v>72</v>
      </c>
      <c r="L16" s="304" t="s">
        <v>72</v>
      </c>
      <c r="M16" s="321" t="s">
        <v>72</v>
      </c>
      <c r="N16" s="320">
        <v>570</v>
      </c>
      <c r="O16" s="320">
        <v>376</v>
      </c>
      <c r="P16" s="320">
        <v>194</v>
      </c>
      <c r="Q16" s="320">
        <v>166</v>
      </c>
      <c r="R16" s="304">
        <v>128</v>
      </c>
      <c r="S16" s="321">
        <v>38</v>
      </c>
      <c r="T16" s="320">
        <v>1151</v>
      </c>
      <c r="U16" s="304">
        <v>663</v>
      </c>
      <c r="V16" s="379">
        <v>488</v>
      </c>
      <c r="W16" s="320">
        <v>985</v>
      </c>
      <c r="X16" s="304">
        <v>535</v>
      </c>
      <c r="Y16" s="379">
        <v>450</v>
      </c>
    </row>
    <row r="17" spans="1:25" ht="20.25" customHeight="1">
      <c r="A17" s="1038"/>
      <c r="B17" s="377">
        <v>99807</v>
      </c>
      <c r="C17" s="380" t="s">
        <v>527</v>
      </c>
      <c r="D17" s="1040"/>
      <c r="E17" s="320">
        <v>-1844</v>
      </c>
      <c r="F17" s="304">
        <v>-1199</v>
      </c>
      <c r="G17" s="379">
        <v>-645</v>
      </c>
      <c r="H17" s="320">
        <v>-1795</v>
      </c>
      <c r="I17" s="304">
        <v>-1187</v>
      </c>
      <c r="J17" s="321">
        <v>-608</v>
      </c>
      <c r="K17" s="320" t="s">
        <v>72</v>
      </c>
      <c r="L17" s="304" t="s">
        <v>72</v>
      </c>
      <c r="M17" s="321" t="s">
        <v>72</v>
      </c>
      <c r="N17" s="320">
        <v>1795</v>
      </c>
      <c r="O17" s="320">
        <v>1187</v>
      </c>
      <c r="P17" s="320">
        <v>608</v>
      </c>
      <c r="Q17" s="320">
        <v>-49</v>
      </c>
      <c r="R17" s="304">
        <v>-12</v>
      </c>
      <c r="S17" s="321">
        <v>-37</v>
      </c>
      <c r="T17" s="320">
        <v>779</v>
      </c>
      <c r="U17" s="304">
        <v>369</v>
      </c>
      <c r="V17" s="379">
        <v>410</v>
      </c>
      <c r="W17" s="320">
        <v>828</v>
      </c>
      <c r="X17" s="304">
        <v>381</v>
      </c>
      <c r="Y17" s="379">
        <v>447</v>
      </c>
    </row>
    <row r="18" spans="1:25" ht="20.25" customHeight="1">
      <c r="A18" s="1038"/>
      <c r="B18" s="377">
        <v>64997</v>
      </c>
      <c r="C18" s="380" t="s">
        <v>528</v>
      </c>
      <c r="D18" s="1040"/>
      <c r="E18" s="320">
        <v>-3688</v>
      </c>
      <c r="F18" s="304">
        <v>-1998</v>
      </c>
      <c r="G18" s="379">
        <v>-1690</v>
      </c>
      <c r="H18" s="320">
        <v>-3643</v>
      </c>
      <c r="I18" s="304">
        <v>-1993</v>
      </c>
      <c r="J18" s="321">
        <v>-1650</v>
      </c>
      <c r="K18" s="320" t="s">
        <v>72</v>
      </c>
      <c r="L18" s="304" t="s">
        <v>72</v>
      </c>
      <c r="M18" s="321" t="s">
        <v>72</v>
      </c>
      <c r="N18" s="320">
        <v>3643</v>
      </c>
      <c r="O18" s="320">
        <v>1993</v>
      </c>
      <c r="P18" s="320">
        <v>1650</v>
      </c>
      <c r="Q18" s="320">
        <v>-45</v>
      </c>
      <c r="R18" s="304">
        <v>-5</v>
      </c>
      <c r="S18" s="321">
        <v>-40</v>
      </c>
      <c r="T18" s="320">
        <v>607</v>
      </c>
      <c r="U18" s="304">
        <v>200</v>
      </c>
      <c r="V18" s="379">
        <v>407</v>
      </c>
      <c r="W18" s="320">
        <v>652</v>
      </c>
      <c r="X18" s="304">
        <v>205</v>
      </c>
      <c r="Y18" s="379">
        <v>447</v>
      </c>
    </row>
    <row r="19" spans="1:25" ht="20.25" customHeight="1">
      <c r="A19" s="1038"/>
      <c r="B19" s="355">
        <v>16020</v>
      </c>
      <c r="C19" s="381" t="s">
        <v>529</v>
      </c>
      <c r="D19" s="1040"/>
      <c r="E19" s="323">
        <v>-2926</v>
      </c>
      <c r="F19" s="307">
        <v>-1086</v>
      </c>
      <c r="G19" s="369">
        <v>-1840</v>
      </c>
      <c r="H19" s="323">
        <v>-2925</v>
      </c>
      <c r="I19" s="307">
        <v>-1079</v>
      </c>
      <c r="J19" s="324">
        <v>-1846</v>
      </c>
      <c r="K19" s="323" t="s">
        <v>72</v>
      </c>
      <c r="L19" s="307" t="s">
        <v>72</v>
      </c>
      <c r="M19" s="324" t="s">
        <v>72</v>
      </c>
      <c r="N19" s="323">
        <v>2925</v>
      </c>
      <c r="O19" s="323">
        <v>1079</v>
      </c>
      <c r="P19" s="323">
        <v>1846</v>
      </c>
      <c r="Q19" s="323">
        <v>-1</v>
      </c>
      <c r="R19" s="307">
        <v>-7</v>
      </c>
      <c r="S19" s="324">
        <v>6</v>
      </c>
      <c r="T19" s="323">
        <v>214</v>
      </c>
      <c r="U19" s="307">
        <v>54</v>
      </c>
      <c r="V19" s="369">
        <v>160</v>
      </c>
      <c r="W19" s="323">
        <v>215</v>
      </c>
      <c r="X19" s="307">
        <v>61</v>
      </c>
      <c r="Y19" s="369">
        <v>154</v>
      </c>
    </row>
    <row r="20" spans="1:25" ht="20.25" customHeight="1" thickBot="1">
      <c r="A20" s="1039"/>
      <c r="B20" s="881">
        <v>592</v>
      </c>
      <c r="C20" s="247" t="s">
        <v>457</v>
      </c>
      <c r="D20" s="882"/>
      <c r="E20" s="883">
        <v>-270</v>
      </c>
      <c r="F20" s="884">
        <v>-39</v>
      </c>
      <c r="G20" s="885">
        <v>-231</v>
      </c>
      <c r="H20" s="884">
        <v>-270</v>
      </c>
      <c r="I20" s="884">
        <v>-39</v>
      </c>
      <c r="J20" s="886">
        <v>-231</v>
      </c>
      <c r="K20" s="883" t="s">
        <v>72</v>
      </c>
      <c r="L20" s="884" t="s">
        <v>72</v>
      </c>
      <c r="M20" s="884" t="s">
        <v>72</v>
      </c>
      <c r="N20" s="883">
        <v>270</v>
      </c>
      <c r="O20" s="883">
        <v>39</v>
      </c>
      <c r="P20" s="883">
        <v>231</v>
      </c>
      <c r="Q20" s="883">
        <v>0</v>
      </c>
      <c r="R20" s="884">
        <v>0</v>
      </c>
      <c r="S20" s="886">
        <v>0</v>
      </c>
      <c r="T20" s="883">
        <v>6</v>
      </c>
      <c r="U20" s="884">
        <v>0</v>
      </c>
      <c r="V20" s="885">
        <v>6</v>
      </c>
      <c r="W20" s="883">
        <v>6</v>
      </c>
      <c r="X20" s="884">
        <v>0</v>
      </c>
      <c r="Y20" s="885">
        <v>6</v>
      </c>
    </row>
    <row r="21" spans="1:25" ht="20.25" customHeight="1" thickTop="1">
      <c r="A21" s="371"/>
      <c r="B21" s="481" t="s">
        <v>192</v>
      </c>
      <c r="C21" s="239"/>
      <c r="D21" s="477"/>
      <c r="E21" s="482" t="s">
        <v>192</v>
      </c>
      <c r="F21" s="482" t="s">
        <v>192</v>
      </c>
      <c r="G21" s="483" t="s">
        <v>192</v>
      </c>
      <c r="H21" s="484" t="s">
        <v>192</v>
      </c>
      <c r="I21" s="482" t="s">
        <v>192</v>
      </c>
      <c r="J21" s="483" t="s">
        <v>192</v>
      </c>
      <c r="K21" s="484" t="s">
        <v>192</v>
      </c>
      <c r="L21" s="482" t="s">
        <v>192</v>
      </c>
      <c r="M21" s="482" t="s">
        <v>192</v>
      </c>
      <c r="N21" s="484" t="s">
        <v>192</v>
      </c>
      <c r="O21" s="484" t="s">
        <v>192</v>
      </c>
      <c r="P21" s="484" t="s">
        <v>192</v>
      </c>
      <c r="Q21" s="482" t="s">
        <v>192</v>
      </c>
      <c r="R21" s="482" t="s">
        <v>192</v>
      </c>
      <c r="S21" s="483" t="s">
        <v>192</v>
      </c>
      <c r="T21" s="484" t="s">
        <v>192</v>
      </c>
      <c r="U21" s="482" t="s">
        <v>192</v>
      </c>
      <c r="V21" s="887" t="s">
        <v>192</v>
      </c>
      <c r="W21" s="484" t="s">
        <v>192</v>
      </c>
      <c r="X21" s="482" t="s">
        <v>192</v>
      </c>
      <c r="Y21" s="483" t="s">
        <v>192</v>
      </c>
    </row>
    <row r="22" spans="1:25" ht="20.25" customHeight="1">
      <c r="A22" s="364"/>
      <c r="B22" s="372">
        <v>685839</v>
      </c>
      <c r="C22" s="365" t="s">
        <v>194</v>
      </c>
      <c r="D22" s="366"/>
      <c r="E22" s="373">
        <v>-4919</v>
      </c>
      <c r="F22" s="374">
        <v>-2658</v>
      </c>
      <c r="G22" s="375">
        <v>-2261</v>
      </c>
      <c r="H22" s="373">
        <v>-5686</v>
      </c>
      <c r="I22" s="374">
        <v>-2916</v>
      </c>
      <c r="J22" s="376">
        <v>-2770</v>
      </c>
      <c r="K22" s="373">
        <v>3404</v>
      </c>
      <c r="L22" s="374">
        <v>1792</v>
      </c>
      <c r="M22" s="376">
        <v>1612</v>
      </c>
      <c r="N22" s="375">
        <v>9090</v>
      </c>
      <c r="O22" s="373">
        <v>4708</v>
      </c>
      <c r="P22" s="373">
        <v>4382</v>
      </c>
      <c r="Q22" s="373">
        <v>767</v>
      </c>
      <c r="R22" s="374">
        <v>258</v>
      </c>
      <c r="S22" s="376">
        <v>509</v>
      </c>
      <c r="T22" s="375">
        <v>26923</v>
      </c>
      <c r="U22" s="374">
        <v>15018</v>
      </c>
      <c r="V22" s="376">
        <v>11905</v>
      </c>
      <c r="W22" s="373">
        <v>26156</v>
      </c>
      <c r="X22" s="374">
        <v>14760</v>
      </c>
      <c r="Y22" s="375">
        <v>11396</v>
      </c>
    </row>
    <row r="23" spans="1:25" ht="12.75" customHeight="1">
      <c r="A23" s="371"/>
      <c r="B23" s="385"/>
      <c r="C23" s="341"/>
      <c r="D23" s="368"/>
      <c r="E23" s="323"/>
      <c r="F23" s="307"/>
      <c r="G23" s="369"/>
      <c r="H23" s="323"/>
      <c r="I23" s="307"/>
      <c r="J23" s="324"/>
      <c r="K23" s="323"/>
      <c r="L23" s="307"/>
      <c r="M23" s="324"/>
      <c r="N23" s="369"/>
      <c r="O23" s="323"/>
      <c r="P23" s="307"/>
      <c r="Q23" s="323"/>
      <c r="R23" s="307"/>
      <c r="S23" s="324"/>
      <c r="T23" s="369"/>
      <c r="U23" s="307"/>
      <c r="V23" s="369"/>
      <c r="W23" s="323"/>
      <c r="X23" s="307"/>
      <c r="Y23" s="369"/>
    </row>
    <row r="24" spans="1:25" ht="20.25" customHeight="1">
      <c r="A24" s="364" t="s">
        <v>530</v>
      </c>
      <c r="B24" s="377">
        <v>43953</v>
      </c>
      <c r="C24" s="378" t="s">
        <v>518</v>
      </c>
      <c r="D24" s="366" t="s">
        <v>530</v>
      </c>
      <c r="E24" s="320">
        <v>4043</v>
      </c>
      <c r="F24" s="304">
        <v>2093</v>
      </c>
      <c r="G24" s="379">
        <v>1950</v>
      </c>
      <c r="H24" s="320">
        <v>3397</v>
      </c>
      <c r="I24" s="304">
        <v>1788</v>
      </c>
      <c r="J24" s="321">
        <v>1609</v>
      </c>
      <c r="K24" s="320">
        <v>3404</v>
      </c>
      <c r="L24" s="320">
        <v>1792</v>
      </c>
      <c r="M24" s="320">
        <v>1612</v>
      </c>
      <c r="N24" s="320">
        <v>7</v>
      </c>
      <c r="O24" s="320">
        <v>4</v>
      </c>
      <c r="P24" s="320">
        <v>3</v>
      </c>
      <c r="Q24" s="320">
        <v>646</v>
      </c>
      <c r="R24" s="304">
        <v>305</v>
      </c>
      <c r="S24" s="321">
        <v>341</v>
      </c>
      <c r="T24" s="320">
        <v>2388</v>
      </c>
      <c r="U24" s="304">
        <v>1220</v>
      </c>
      <c r="V24" s="379">
        <v>1168</v>
      </c>
      <c r="W24" s="320">
        <v>1742</v>
      </c>
      <c r="X24" s="304">
        <v>915</v>
      </c>
      <c r="Y24" s="379">
        <v>827</v>
      </c>
    </row>
    <row r="25" spans="1:25" ht="20.25" customHeight="1">
      <c r="A25" s="370"/>
      <c r="B25" s="377">
        <v>59350</v>
      </c>
      <c r="C25" s="380" t="s">
        <v>520</v>
      </c>
      <c r="D25" s="480"/>
      <c r="E25" s="320">
        <v>567</v>
      </c>
      <c r="F25" s="304">
        <v>474</v>
      </c>
      <c r="G25" s="379">
        <v>93</v>
      </c>
      <c r="H25" s="320">
        <v>-11</v>
      </c>
      <c r="I25" s="304">
        <v>-9</v>
      </c>
      <c r="J25" s="321">
        <v>-2</v>
      </c>
      <c r="K25" s="320" t="s">
        <v>72</v>
      </c>
      <c r="L25" s="304" t="s">
        <v>72</v>
      </c>
      <c r="M25" s="321" t="s">
        <v>72</v>
      </c>
      <c r="N25" s="320">
        <v>11</v>
      </c>
      <c r="O25" s="320">
        <v>9</v>
      </c>
      <c r="P25" s="320">
        <v>2</v>
      </c>
      <c r="Q25" s="320">
        <v>578</v>
      </c>
      <c r="R25" s="304">
        <v>483</v>
      </c>
      <c r="S25" s="321">
        <v>95</v>
      </c>
      <c r="T25" s="320">
        <v>3157</v>
      </c>
      <c r="U25" s="304">
        <v>2334</v>
      </c>
      <c r="V25" s="379">
        <v>823</v>
      </c>
      <c r="W25" s="320">
        <v>2579</v>
      </c>
      <c r="X25" s="304">
        <v>1851</v>
      </c>
      <c r="Y25" s="379">
        <v>728</v>
      </c>
    </row>
    <row r="26" spans="1:25" ht="20.25" customHeight="1">
      <c r="A26" s="1038" t="s">
        <v>461</v>
      </c>
      <c r="B26" s="377">
        <v>57830</v>
      </c>
      <c r="C26" s="380" t="s">
        <v>521</v>
      </c>
      <c r="D26" s="1040" t="s">
        <v>531</v>
      </c>
      <c r="E26" s="320">
        <v>-2029</v>
      </c>
      <c r="F26" s="304">
        <v>-1303</v>
      </c>
      <c r="G26" s="379">
        <v>-726</v>
      </c>
      <c r="H26" s="320">
        <v>-15</v>
      </c>
      <c r="I26" s="304">
        <v>-10</v>
      </c>
      <c r="J26" s="321">
        <v>-5</v>
      </c>
      <c r="K26" s="320" t="s">
        <v>72</v>
      </c>
      <c r="L26" s="304" t="s">
        <v>72</v>
      </c>
      <c r="M26" s="321" t="s">
        <v>72</v>
      </c>
      <c r="N26" s="320">
        <v>15</v>
      </c>
      <c r="O26" s="320">
        <v>10</v>
      </c>
      <c r="P26" s="320">
        <v>5</v>
      </c>
      <c r="Q26" s="320">
        <v>-2014</v>
      </c>
      <c r="R26" s="304">
        <v>-1293</v>
      </c>
      <c r="S26" s="321">
        <v>-721</v>
      </c>
      <c r="T26" s="320">
        <v>7662</v>
      </c>
      <c r="U26" s="304">
        <v>4340</v>
      </c>
      <c r="V26" s="379">
        <v>3322</v>
      </c>
      <c r="W26" s="320">
        <v>9676</v>
      </c>
      <c r="X26" s="304">
        <v>5633</v>
      </c>
      <c r="Y26" s="379">
        <v>4043</v>
      </c>
    </row>
    <row r="27" spans="1:25" ht="20.25" customHeight="1">
      <c r="A27" s="1038"/>
      <c r="B27" s="377">
        <v>61114</v>
      </c>
      <c r="C27" s="380" t="s">
        <v>523</v>
      </c>
      <c r="D27" s="1040"/>
      <c r="E27" s="320">
        <v>698</v>
      </c>
      <c r="F27" s="304">
        <v>259</v>
      </c>
      <c r="G27" s="379">
        <v>439</v>
      </c>
      <c r="H27" s="320">
        <v>-28</v>
      </c>
      <c r="I27" s="304">
        <v>-16</v>
      </c>
      <c r="J27" s="321">
        <v>-12</v>
      </c>
      <c r="K27" s="320" t="s">
        <v>72</v>
      </c>
      <c r="L27" s="304" t="s">
        <v>72</v>
      </c>
      <c r="M27" s="321" t="s">
        <v>72</v>
      </c>
      <c r="N27" s="320">
        <v>28</v>
      </c>
      <c r="O27" s="320">
        <v>16</v>
      </c>
      <c r="P27" s="320">
        <v>12</v>
      </c>
      <c r="Q27" s="320">
        <v>726</v>
      </c>
      <c r="R27" s="304">
        <v>275</v>
      </c>
      <c r="S27" s="321">
        <v>451</v>
      </c>
      <c r="T27" s="320">
        <v>5644</v>
      </c>
      <c r="U27" s="304">
        <v>2951</v>
      </c>
      <c r="V27" s="379">
        <v>2693</v>
      </c>
      <c r="W27" s="320">
        <v>4918</v>
      </c>
      <c r="X27" s="304">
        <v>2676</v>
      </c>
      <c r="Y27" s="379">
        <v>2242</v>
      </c>
    </row>
    <row r="28" spans="1:25" ht="20.25" customHeight="1">
      <c r="A28" s="1038"/>
      <c r="B28" s="355">
        <v>95311</v>
      </c>
      <c r="C28" s="381" t="s">
        <v>524</v>
      </c>
      <c r="D28" s="1040"/>
      <c r="E28" s="323">
        <v>465</v>
      </c>
      <c r="F28" s="307">
        <v>260</v>
      </c>
      <c r="G28" s="369">
        <v>205</v>
      </c>
      <c r="H28" s="307">
        <v>-116</v>
      </c>
      <c r="I28" s="307">
        <v>-70</v>
      </c>
      <c r="J28" s="324">
        <v>-46</v>
      </c>
      <c r="K28" s="307" t="s">
        <v>72</v>
      </c>
      <c r="L28" s="307" t="s">
        <v>72</v>
      </c>
      <c r="M28" s="324" t="s">
        <v>72</v>
      </c>
      <c r="N28" s="323">
        <v>116</v>
      </c>
      <c r="O28" s="323">
        <v>70</v>
      </c>
      <c r="P28" s="323">
        <v>46</v>
      </c>
      <c r="Q28" s="323">
        <v>581</v>
      </c>
      <c r="R28" s="307">
        <v>330</v>
      </c>
      <c r="S28" s="324">
        <v>251</v>
      </c>
      <c r="T28" s="323">
        <v>3399</v>
      </c>
      <c r="U28" s="307">
        <v>1867</v>
      </c>
      <c r="V28" s="369">
        <v>1532</v>
      </c>
      <c r="W28" s="323">
        <v>2818</v>
      </c>
      <c r="X28" s="307">
        <v>1537</v>
      </c>
      <c r="Y28" s="369">
        <v>1281</v>
      </c>
    </row>
    <row r="29" spans="1:25" ht="20.25" customHeight="1">
      <c r="A29" s="1038"/>
      <c r="B29" s="377">
        <v>101897</v>
      </c>
      <c r="C29" s="380" t="s">
        <v>525</v>
      </c>
      <c r="D29" s="1040"/>
      <c r="E29" s="320">
        <v>-47</v>
      </c>
      <c r="F29" s="304">
        <v>-80</v>
      </c>
      <c r="G29" s="379">
        <v>33</v>
      </c>
      <c r="H29" s="320">
        <v>-303</v>
      </c>
      <c r="I29" s="304">
        <v>-219</v>
      </c>
      <c r="J29" s="321">
        <v>-84</v>
      </c>
      <c r="K29" s="320" t="s">
        <v>72</v>
      </c>
      <c r="L29" s="304" t="s">
        <v>72</v>
      </c>
      <c r="M29" s="304" t="s">
        <v>72</v>
      </c>
      <c r="N29" s="320">
        <v>303</v>
      </c>
      <c r="O29" s="320">
        <v>219</v>
      </c>
      <c r="P29" s="320">
        <v>84</v>
      </c>
      <c r="Q29" s="320">
        <v>256</v>
      </c>
      <c r="R29" s="304">
        <v>139</v>
      </c>
      <c r="S29" s="321">
        <v>117</v>
      </c>
      <c r="T29" s="320">
        <v>2132</v>
      </c>
      <c r="U29" s="304">
        <v>1154</v>
      </c>
      <c r="V29" s="379">
        <v>978</v>
      </c>
      <c r="W29" s="320">
        <v>1876</v>
      </c>
      <c r="X29" s="304">
        <v>1015</v>
      </c>
      <c r="Y29" s="379">
        <v>861</v>
      </c>
    </row>
    <row r="30" spans="1:25" ht="20.25" customHeight="1">
      <c r="A30" s="1038"/>
      <c r="B30" s="377">
        <v>81473</v>
      </c>
      <c r="C30" s="380" t="s">
        <v>526</v>
      </c>
      <c r="D30" s="1040"/>
      <c r="E30" s="320">
        <v>-490</v>
      </c>
      <c r="F30" s="304">
        <v>-345</v>
      </c>
      <c r="G30" s="379">
        <v>-145</v>
      </c>
      <c r="H30" s="320">
        <v>-607</v>
      </c>
      <c r="I30" s="304">
        <v>-408</v>
      </c>
      <c r="J30" s="321">
        <v>-199</v>
      </c>
      <c r="K30" s="320" t="s">
        <v>72</v>
      </c>
      <c r="L30" s="304" t="s">
        <v>72</v>
      </c>
      <c r="M30" s="321" t="s">
        <v>72</v>
      </c>
      <c r="N30" s="320">
        <v>607</v>
      </c>
      <c r="O30" s="320">
        <v>408</v>
      </c>
      <c r="P30" s="320">
        <v>199</v>
      </c>
      <c r="Q30" s="320">
        <v>117</v>
      </c>
      <c r="R30" s="304">
        <v>63</v>
      </c>
      <c r="S30" s="321">
        <v>54</v>
      </c>
      <c r="T30" s="320">
        <v>1097</v>
      </c>
      <c r="U30" s="304">
        <v>609</v>
      </c>
      <c r="V30" s="379">
        <v>488</v>
      </c>
      <c r="W30" s="320">
        <v>980</v>
      </c>
      <c r="X30" s="304">
        <v>546</v>
      </c>
      <c r="Y30" s="379">
        <v>434</v>
      </c>
    </row>
    <row r="31" spans="1:25" ht="20.25" customHeight="1">
      <c r="A31" s="1038"/>
      <c r="B31" s="377">
        <v>102072</v>
      </c>
      <c r="C31" s="380" t="s">
        <v>527</v>
      </c>
      <c r="D31" s="1040"/>
      <c r="E31" s="320">
        <v>-1862</v>
      </c>
      <c r="F31" s="304">
        <v>-1213</v>
      </c>
      <c r="G31" s="379">
        <v>-649</v>
      </c>
      <c r="H31" s="320">
        <v>-1829</v>
      </c>
      <c r="I31" s="304">
        <v>-1193</v>
      </c>
      <c r="J31" s="321">
        <v>-636</v>
      </c>
      <c r="K31" s="320" t="s">
        <v>72</v>
      </c>
      <c r="L31" s="304" t="s">
        <v>72</v>
      </c>
      <c r="M31" s="321" t="s">
        <v>72</v>
      </c>
      <c r="N31" s="320">
        <v>1829</v>
      </c>
      <c r="O31" s="320">
        <v>1193</v>
      </c>
      <c r="P31" s="320">
        <v>636</v>
      </c>
      <c r="Q31" s="320">
        <v>-33</v>
      </c>
      <c r="R31" s="304">
        <v>-20</v>
      </c>
      <c r="S31" s="321">
        <v>-13</v>
      </c>
      <c r="T31" s="320">
        <v>707</v>
      </c>
      <c r="U31" s="304">
        <v>312</v>
      </c>
      <c r="V31" s="379">
        <v>395</v>
      </c>
      <c r="W31" s="320">
        <v>740</v>
      </c>
      <c r="X31" s="304">
        <v>332</v>
      </c>
      <c r="Y31" s="379">
        <v>408</v>
      </c>
    </row>
    <row r="32" spans="1:25" ht="20.25" customHeight="1">
      <c r="A32" s="1038"/>
      <c r="B32" s="377">
        <v>63136</v>
      </c>
      <c r="C32" s="380" t="s">
        <v>528</v>
      </c>
      <c r="D32" s="1040"/>
      <c r="E32" s="320">
        <v>-3454</v>
      </c>
      <c r="F32" s="304">
        <v>-1873</v>
      </c>
      <c r="G32" s="379">
        <v>-1581</v>
      </c>
      <c r="H32" s="320">
        <v>-3366</v>
      </c>
      <c r="I32" s="304">
        <v>-1843</v>
      </c>
      <c r="J32" s="321">
        <v>-1523</v>
      </c>
      <c r="K32" s="320" t="s">
        <v>72</v>
      </c>
      <c r="L32" s="304" t="s">
        <v>72</v>
      </c>
      <c r="M32" s="321" t="s">
        <v>72</v>
      </c>
      <c r="N32" s="320">
        <v>3366</v>
      </c>
      <c r="O32" s="320">
        <v>1843</v>
      </c>
      <c r="P32" s="320">
        <v>1523</v>
      </c>
      <c r="Q32" s="320">
        <v>-88</v>
      </c>
      <c r="R32" s="304">
        <v>-30</v>
      </c>
      <c r="S32" s="321">
        <v>-58</v>
      </c>
      <c r="T32" s="320">
        <v>534</v>
      </c>
      <c r="U32" s="304">
        <v>178</v>
      </c>
      <c r="V32" s="379">
        <v>356</v>
      </c>
      <c r="W32" s="320">
        <v>622</v>
      </c>
      <c r="X32" s="304">
        <v>208</v>
      </c>
      <c r="Y32" s="379">
        <v>414</v>
      </c>
    </row>
    <row r="33" spans="1:25" ht="20.25" customHeight="1">
      <c r="A33" s="1038"/>
      <c r="B33" s="355">
        <v>15302</v>
      </c>
      <c r="C33" s="381" t="s">
        <v>529</v>
      </c>
      <c r="D33" s="1040"/>
      <c r="E33" s="323">
        <v>-2580</v>
      </c>
      <c r="F33" s="307">
        <v>-898</v>
      </c>
      <c r="G33" s="369">
        <v>-1682</v>
      </c>
      <c r="H33" s="323">
        <v>-2574</v>
      </c>
      <c r="I33" s="307">
        <v>-904</v>
      </c>
      <c r="J33" s="324">
        <v>-1670</v>
      </c>
      <c r="K33" s="323" t="s">
        <v>72</v>
      </c>
      <c r="L33" s="307" t="s">
        <v>72</v>
      </c>
      <c r="M33" s="324" t="s">
        <v>72</v>
      </c>
      <c r="N33" s="323">
        <v>2574</v>
      </c>
      <c r="O33" s="323">
        <v>904</v>
      </c>
      <c r="P33" s="323">
        <v>1670</v>
      </c>
      <c r="Q33" s="323">
        <v>-6</v>
      </c>
      <c r="R33" s="307">
        <v>6</v>
      </c>
      <c r="S33" s="324">
        <v>-12</v>
      </c>
      <c r="T33" s="323">
        <v>198</v>
      </c>
      <c r="U33" s="307">
        <v>52</v>
      </c>
      <c r="V33" s="369">
        <v>146</v>
      </c>
      <c r="W33" s="323">
        <v>204</v>
      </c>
      <c r="X33" s="307">
        <v>46</v>
      </c>
      <c r="Y33" s="369">
        <v>158</v>
      </c>
    </row>
    <row r="34" spans="1:25" ht="20.25" customHeight="1" thickBot="1">
      <c r="A34" s="1039"/>
      <c r="B34" s="881">
        <v>586</v>
      </c>
      <c r="C34" s="247" t="s">
        <v>457</v>
      </c>
      <c r="D34" s="882"/>
      <c r="E34" s="883">
        <v>-230</v>
      </c>
      <c r="F34" s="884">
        <v>-32</v>
      </c>
      <c r="G34" s="885">
        <v>-198</v>
      </c>
      <c r="H34" s="884">
        <v>-234</v>
      </c>
      <c r="I34" s="884">
        <v>-32</v>
      </c>
      <c r="J34" s="886">
        <v>-202</v>
      </c>
      <c r="K34" s="883" t="s">
        <v>72</v>
      </c>
      <c r="L34" s="884" t="s">
        <v>72</v>
      </c>
      <c r="M34" s="884" t="s">
        <v>72</v>
      </c>
      <c r="N34" s="883">
        <v>234</v>
      </c>
      <c r="O34" s="883">
        <v>32</v>
      </c>
      <c r="P34" s="883">
        <v>202</v>
      </c>
      <c r="Q34" s="883">
        <v>4</v>
      </c>
      <c r="R34" s="884">
        <v>0</v>
      </c>
      <c r="S34" s="886">
        <v>4</v>
      </c>
      <c r="T34" s="883">
        <v>5</v>
      </c>
      <c r="U34" s="884">
        <v>1</v>
      </c>
      <c r="V34" s="885">
        <v>4</v>
      </c>
      <c r="W34" s="883">
        <v>1</v>
      </c>
      <c r="X34" s="884">
        <v>1</v>
      </c>
      <c r="Y34" s="885">
        <v>0</v>
      </c>
    </row>
    <row r="35" spans="1:25" ht="20.25" customHeight="1" thickTop="1">
      <c r="A35" s="371"/>
      <c r="B35" s="481" t="s">
        <v>192</v>
      </c>
      <c r="C35" s="239"/>
      <c r="D35" s="477"/>
      <c r="E35" s="482" t="s">
        <v>192</v>
      </c>
      <c r="F35" s="482" t="s">
        <v>192</v>
      </c>
      <c r="G35" s="483" t="s">
        <v>192</v>
      </c>
      <c r="H35" s="484" t="s">
        <v>192</v>
      </c>
      <c r="I35" s="482" t="s">
        <v>192</v>
      </c>
      <c r="J35" s="483" t="s">
        <v>192</v>
      </c>
      <c r="K35" s="484" t="s">
        <v>192</v>
      </c>
      <c r="L35" s="482" t="s">
        <v>192</v>
      </c>
      <c r="M35" s="482" t="s">
        <v>192</v>
      </c>
      <c r="N35" s="484" t="s">
        <v>192</v>
      </c>
      <c r="O35" s="484" t="s">
        <v>192</v>
      </c>
      <c r="P35" s="484" t="s">
        <v>192</v>
      </c>
      <c r="Q35" s="482" t="s">
        <v>192</v>
      </c>
      <c r="R35" s="482" t="s">
        <v>192</v>
      </c>
      <c r="S35" s="483" t="s">
        <v>192</v>
      </c>
      <c r="T35" s="484" t="s">
        <v>192</v>
      </c>
      <c r="U35" s="482" t="s">
        <v>192</v>
      </c>
      <c r="V35" s="483" t="s">
        <v>192</v>
      </c>
      <c r="W35" s="484" t="s">
        <v>192</v>
      </c>
      <c r="X35" s="482" t="s">
        <v>192</v>
      </c>
      <c r="Y35" s="483" t="s">
        <v>192</v>
      </c>
    </row>
    <row r="36" spans="1:25" ht="20.25" customHeight="1">
      <c r="A36" s="371" t="s">
        <v>517</v>
      </c>
      <c r="B36" s="485">
        <v>-6226</v>
      </c>
      <c r="C36" s="365" t="s">
        <v>194</v>
      </c>
      <c r="D36" s="371" t="s">
        <v>517</v>
      </c>
      <c r="E36" s="373">
        <v>-1307</v>
      </c>
      <c r="F36" s="373">
        <v>-611</v>
      </c>
      <c r="G36" s="373">
        <v>-696</v>
      </c>
      <c r="H36" s="373">
        <v>-671</v>
      </c>
      <c r="I36" s="373">
        <v>-403</v>
      </c>
      <c r="J36" s="373">
        <v>-268</v>
      </c>
      <c r="K36" s="373">
        <v>-75</v>
      </c>
      <c r="L36" s="373">
        <v>-122</v>
      </c>
      <c r="M36" s="373">
        <v>47</v>
      </c>
      <c r="N36" s="373">
        <v>596</v>
      </c>
      <c r="O36" s="373">
        <v>281</v>
      </c>
      <c r="P36" s="373">
        <v>315</v>
      </c>
      <c r="Q36" s="373">
        <v>-636</v>
      </c>
      <c r="R36" s="373">
        <v>-208</v>
      </c>
      <c r="S36" s="373">
        <v>-428</v>
      </c>
      <c r="T36" s="373">
        <v>237</v>
      </c>
      <c r="U36" s="373">
        <v>361</v>
      </c>
      <c r="V36" s="373">
        <v>-124</v>
      </c>
      <c r="W36" s="373">
        <v>873</v>
      </c>
      <c r="X36" s="373">
        <v>569</v>
      </c>
      <c r="Y36" s="373">
        <v>304</v>
      </c>
    </row>
    <row r="37" spans="1:25" ht="12.75" customHeight="1">
      <c r="A37" s="371" t="s">
        <v>532</v>
      </c>
      <c r="B37" s="382"/>
      <c r="C37" s="341"/>
      <c r="D37" s="368" t="s">
        <v>532</v>
      </c>
      <c r="E37" s="383"/>
      <c r="F37" s="383"/>
      <c r="G37" s="383"/>
      <c r="H37" s="383"/>
      <c r="I37" s="383"/>
      <c r="J37" s="383"/>
      <c r="K37" s="383"/>
      <c r="L37" s="383"/>
      <c r="M37" s="383"/>
      <c r="N37" s="383"/>
      <c r="O37" s="383"/>
      <c r="P37" s="383"/>
      <c r="Q37" s="383"/>
      <c r="R37" s="383"/>
      <c r="S37" s="383"/>
      <c r="T37" s="383"/>
      <c r="U37" s="383"/>
      <c r="V37" s="383"/>
      <c r="W37" s="383"/>
      <c r="X37" s="383"/>
      <c r="Y37" s="383"/>
    </row>
    <row r="38" spans="1:25" ht="20.25" customHeight="1">
      <c r="A38" s="371" t="s">
        <v>530</v>
      </c>
      <c r="B38" s="486">
        <v>-1310</v>
      </c>
      <c r="C38" s="378" t="s">
        <v>518</v>
      </c>
      <c r="D38" s="368" t="s">
        <v>530</v>
      </c>
      <c r="E38" s="373">
        <v>-180</v>
      </c>
      <c r="F38" s="373">
        <v>-203</v>
      </c>
      <c r="G38" s="373">
        <v>23</v>
      </c>
      <c r="H38" s="373">
        <v>-73</v>
      </c>
      <c r="I38" s="373">
        <v>-121</v>
      </c>
      <c r="J38" s="373">
        <v>48</v>
      </c>
      <c r="K38" s="373">
        <v>-75</v>
      </c>
      <c r="L38" s="373">
        <v>-122</v>
      </c>
      <c r="M38" s="373">
        <v>47</v>
      </c>
      <c r="N38" s="373">
        <v>-2</v>
      </c>
      <c r="O38" s="373">
        <v>-1</v>
      </c>
      <c r="P38" s="373">
        <v>-1</v>
      </c>
      <c r="Q38" s="373">
        <v>-107</v>
      </c>
      <c r="R38" s="373">
        <v>-82</v>
      </c>
      <c r="S38" s="373">
        <v>-25</v>
      </c>
      <c r="T38" s="373">
        <v>-83</v>
      </c>
      <c r="U38" s="373">
        <v>-58</v>
      </c>
      <c r="V38" s="373">
        <v>-25</v>
      </c>
      <c r="W38" s="373">
        <v>24</v>
      </c>
      <c r="X38" s="373">
        <v>24</v>
      </c>
      <c r="Y38" s="373">
        <v>0</v>
      </c>
    </row>
    <row r="39" spans="1:25" ht="20.25" customHeight="1">
      <c r="A39" s="1038" t="s">
        <v>533</v>
      </c>
      <c r="B39" s="486">
        <v>-766</v>
      </c>
      <c r="C39" s="380" t="s">
        <v>520</v>
      </c>
      <c r="D39" s="1040" t="s">
        <v>534</v>
      </c>
      <c r="E39" s="373">
        <v>-116</v>
      </c>
      <c r="F39" s="373">
        <v>-58</v>
      </c>
      <c r="G39" s="373">
        <v>-58</v>
      </c>
      <c r="H39" s="373">
        <v>-1</v>
      </c>
      <c r="I39" s="373">
        <v>1</v>
      </c>
      <c r="J39" s="373">
        <v>-2</v>
      </c>
      <c r="K39" s="373" t="s">
        <v>72</v>
      </c>
      <c r="L39" s="373" t="s">
        <v>72</v>
      </c>
      <c r="M39" s="373" t="s">
        <v>72</v>
      </c>
      <c r="N39" s="373">
        <v>1</v>
      </c>
      <c r="O39" s="373">
        <v>-1</v>
      </c>
      <c r="P39" s="373">
        <v>2</v>
      </c>
      <c r="Q39" s="373">
        <v>-115</v>
      </c>
      <c r="R39" s="373">
        <v>-59</v>
      </c>
      <c r="S39" s="373">
        <v>-56</v>
      </c>
      <c r="T39" s="373">
        <v>-105</v>
      </c>
      <c r="U39" s="373">
        <v>-71</v>
      </c>
      <c r="V39" s="373">
        <v>-34</v>
      </c>
      <c r="W39" s="373">
        <v>10</v>
      </c>
      <c r="X39" s="373">
        <v>-12</v>
      </c>
      <c r="Y39" s="373">
        <v>22</v>
      </c>
    </row>
    <row r="40" spans="1:25" ht="20.25" customHeight="1">
      <c r="A40" s="1038"/>
      <c r="B40" s="486">
        <v>-587</v>
      </c>
      <c r="C40" s="380" t="s">
        <v>521</v>
      </c>
      <c r="D40" s="1040"/>
      <c r="E40" s="373">
        <v>103</v>
      </c>
      <c r="F40" s="373">
        <v>213</v>
      </c>
      <c r="G40" s="373">
        <v>-110</v>
      </c>
      <c r="H40" s="373">
        <v>-8</v>
      </c>
      <c r="I40" s="373">
        <v>-5</v>
      </c>
      <c r="J40" s="373">
        <v>-3</v>
      </c>
      <c r="K40" s="373" t="s">
        <v>72</v>
      </c>
      <c r="L40" s="373" t="s">
        <v>72</v>
      </c>
      <c r="M40" s="373" t="s">
        <v>72</v>
      </c>
      <c r="N40" s="373">
        <v>8</v>
      </c>
      <c r="O40" s="373">
        <v>5</v>
      </c>
      <c r="P40" s="373">
        <v>3</v>
      </c>
      <c r="Q40" s="373">
        <v>111</v>
      </c>
      <c r="R40" s="373">
        <v>218</v>
      </c>
      <c r="S40" s="373">
        <v>-107</v>
      </c>
      <c r="T40" s="373">
        <v>472</v>
      </c>
      <c r="U40" s="373">
        <v>419</v>
      </c>
      <c r="V40" s="373">
        <v>53</v>
      </c>
      <c r="W40" s="373">
        <v>361</v>
      </c>
      <c r="X40" s="373">
        <v>201</v>
      </c>
      <c r="Y40" s="373">
        <v>160</v>
      </c>
    </row>
    <row r="41" spans="1:25" ht="20.25" customHeight="1">
      <c r="A41" s="1038"/>
      <c r="B41" s="486">
        <v>-1768</v>
      </c>
      <c r="C41" s="380" t="s">
        <v>523</v>
      </c>
      <c r="D41" s="1040"/>
      <c r="E41" s="373">
        <v>-409</v>
      </c>
      <c r="F41" s="373">
        <v>-206</v>
      </c>
      <c r="G41" s="373">
        <v>-203</v>
      </c>
      <c r="H41" s="373">
        <v>-5</v>
      </c>
      <c r="I41" s="373">
        <v>-9</v>
      </c>
      <c r="J41" s="373">
        <v>4</v>
      </c>
      <c r="K41" s="373" t="s">
        <v>72</v>
      </c>
      <c r="L41" s="373" t="s">
        <v>72</v>
      </c>
      <c r="M41" s="373" t="s">
        <v>72</v>
      </c>
      <c r="N41" s="373">
        <v>5</v>
      </c>
      <c r="O41" s="373">
        <v>9</v>
      </c>
      <c r="P41" s="373">
        <v>-4</v>
      </c>
      <c r="Q41" s="373">
        <v>-404</v>
      </c>
      <c r="R41" s="373">
        <v>-197</v>
      </c>
      <c r="S41" s="373">
        <v>-207</v>
      </c>
      <c r="T41" s="373">
        <v>-308</v>
      </c>
      <c r="U41" s="373">
        <v>-116</v>
      </c>
      <c r="V41" s="373">
        <v>-192</v>
      </c>
      <c r="W41" s="373">
        <v>96</v>
      </c>
      <c r="X41" s="373">
        <v>81</v>
      </c>
      <c r="Y41" s="373">
        <v>15</v>
      </c>
    </row>
    <row r="42" spans="1:25" ht="20.25" customHeight="1">
      <c r="A42" s="1038"/>
      <c r="B42" s="486">
        <v>-4383</v>
      </c>
      <c r="C42" s="381" t="s">
        <v>524</v>
      </c>
      <c r="D42" s="1040"/>
      <c r="E42" s="383">
        <v>-181</v>
      </c>
      <c r="F42" s="383">
        <v>-129</v>
      </c>
      <c r="G42" s="383">
        <v>-52</v>
      </c>
      <c r="H42" s="383">
        <v>-1</v>
      </c>
      <c r="I42" s="383">
        <v>-8</v>
      </c>
      <c r="J42" s="383">
        <v>7</v>
      </c>
      <c r="K42" s="383" t="s">
        <v>72</v>
      </c>
      <c r="L42" s="383" t="s">
        <v>72</v>
      </c>
      <c r="M42" s="383" t="s">
        <v>72</v>
      </c>
      <c r="N42" s="383">
        <v>1</v>
      </c>
      <c r="O42" s="383">
        <v>8</v>
      </c>
      <c r="P42" s="383">
        <v>-7</v>
      </c>
      <c r="Q42" s="383">
        <v>-180</v>
      </c>
      <c r="R42" s="383">
        <v>-121</v>
      </c>
      <c r="S42" s="383">
        <v>-59</v>
      </c>
      <c r="T42" s="383">
        <v>-142</v>
      </c>
      <c r="U42" s="383">
        <v>-69</v>
      </c>
      <c r="V42" s="383">
        <v>-73</v>
      </c>
      <c r="W42" s="383">
        <v>38</v>
      </c>
      <c r="X42" s="383">
        <v>52</v>
      </c>
      <c r="Y42" s="383">
        <v>-14</v>
      </c>
    </row>
    <row r="43" spans="1:25" ht="20.25" customHeight="1">
      <c r="A43" s="1038"/>
      <c r="B43" s="487">
        <v>3038</v>
      </c>
      <c r="C43" s="380" t="s">
        <v>525</v>
      </c>
      <c r="D43" s="1040"/>
      <c r="E43" s="373">
        <v>-8</v>
      </c>
      <c r="F43" s="373">
        <v>-19</v>
      </c>
      <c r="G43" s="373">
        <v>11</v>
      </c>
      <c r="H43" s="373">
        <v>10</v>
      </c>
      <c r="I43" s="373">
        <v>33</v>
      </c>
      <c r="J43" s="373">
        <v>-23</v>
      </c>
      <c r="K43" s="373" t="s">
        <v>72</v>
      </c>
      <c r="L43" s="373" t="s">
        <v>72</v>
      </c>
      <c r="M43" s="373" t="s">
        <v>72</v>
      </c>
      <c r="N43" s="373">
        <v>-10</v>
      </c>
      <c r="O43" s="373">
        <v>-33</v>
      </c>
      <c r="P43" s="373">
        <v>23</v>
      </c>
      <c r="Q43" s="373">
        <v>-18</v>
      </c>
      <c r="R43" s="373">
        <v>-52</v>
      </c>
      <c r="S43" s="373">
        <v>34</v>
      </c>
      <c r="T43" s="373">
        <v>187</v>
      </c>
      <c r="U43" s="373">
        <v>122</v>
      </c>
      <c r="V43" s="373">
        <v>65</v>
      </c>
      <c r="W43" s="373">
        <v>205</v>
      </c>
      <c r="X43" s="373">
        <v>174</v>
      </c>
      <c r="Y43" s="373">
        <v>31</v>
      </c>
    </row>
    <row r="44" spans="1:25" ht="20.25" customHeight="1">
      <c r="A44" s="1038"/>
      <c r="B44" s="486">
        <v>-770</v>
      </c>
      <c r="C44" s="380" t="s">
        <v>526</v>
      </c>
      <c r="D44" s="1040"/>
      <c r="E44" s="373">
        <v>86</v>
      </c>
      <c r="F44" s="373">
        <v>97</v>
      </c>
      <c r="G44" s="373">
        <v>-11</v>
      </c>
      <c r="H44" s="373">
        <v>37</v>
      </c>
      <c r="I44" s="373">
        <v>32</v>
      </c>
      <c r="J44" s="373">
        <v>5</v>
      </c>
      <c r="K44" s="373" t="s">
        <v>72</v>
      </c>
      <c r="L44" s="373" t="s">
        <v>72</v>
      </c>
      <c r="M44" s="373" t="s">
        <v>72</v>
      </c>
      <c r="N44" s="373">
        <v>-37</v>
      </c>
      <c r="O44" s="373">
        <v>-32</v>
      </c>
      <c r="P44" s="373">
        <v>-5</v>
      </c>
      <c r="Q44" s="373">
        <v>49</v>
      </c>
      <c r="R44" s="373">
        <v>65</v>
      </c>
      <c r="S44" s="373">
        <v>-16</v>
      </c>
      <c r="T44" s="373">
        <v>54</v>
      </c>
      <c r="U44" s="373">
        <v>54</v>
      </c>
      <c r="V44" s="373">
        <v>0</v>
      </c>
      <c r="W44" s="373">
        <v>5</v>
      </c>
      <c r="X44" s="373">
        <v>-11</v>
      </c>
      <c r="Y44" s="373">
        <v>16</v>
      </c>
    </row>
    <row r="45" spans="1:25" ht="20.25" customHeight="1">
      <c r="A45" s="1038"/>
      <c r="B45" s="486">
        <v>-2265</v>
      </c>
      <c r="C45" s="380" t="s">
        <v>527</v>
      </c>
      <c r="D45" s="1040"/>
      <c r="E45" s="373">
        <v>18</v>
      </c>
      <c r="F45" s="373">
        <v>14</v>
      </c>
      <c r="G45" s="373">
        <v>4</v>
      </c>
      <c r="H45" s="373">
        <v>34</v>
      </c>
      <c r="I45" s="373">
        <v>6</v>
      </c>
      <c r="J45" s="373">
        <v>28</v>
      </c>
      <c r="K45" s="373" t="s">
        <v>72</v>
      </c>
      <c r="L45" s="373" t="s">
        <v>72</v>
      </c>
      <c r="M45" s="373" t="s">
        <v>72</v>
      </c>
      <c r="N45" s="373">
        <v>-34</v>
      </c>
      <c r="O45" s="373">
        <v>-6</v>
      </c>
      <c r="P45" s="373">
        <v>-28</v>
      </c>
      <c r="Q45" s="373">
        <v>-16</v>
      </c>
      <c r="R45" s="373">
        <v>8</v>
      </c>
      <c r="S45" s="373">
        <v>-24</v>
      </c>
      <c r="T45" s="373">
        <v>72</v>
      </c>
      <c r="U45" s="373">
        <v>57</v>
      </c>
      <c r="V45" s="373">
        <v>15</v>
      </c>
      <c r="W45" s="373">
        <v>88</v>
      </c>
      <c r="X45" s="373">
        <v>49</v>
      </c>
      <c r="Y45" s="373">
        <v>39</v>
      </c>
    </row>
    <row r="46" spans="1:25" ht="20.25" customHeight="1">
      <c r="A46" s="1038"/>
      <c r="B46" s="486">
        <v>1861</v>
      </c>
      <c r="C46" s="380" t="s">
        <v>528</v>
      </c>
      <c r="D46" s="1040"/>
      <c r="E46" s="373">
        <v>-234</v>
      </c>
      <c r="F46" s="373">
        <v>-125</v>
      </c>
      <c r="G46" s="373">
        <v>-109</v>
      </c>
      <c r="H46" s="373">
        <v>-277</v>
      </c>
      <c r="I46" s="373">
        <v>-150</v>
      </c>
      <c r="J46" s="373">
        <v>-127</v>
      </c>
      <c r="K46" s="373" t="s">
        <v>72</v>
      </c>
      <c r="L46" s="373" t="s">
        <v>72</v>
      </c>
      <c r="M46" s="373" t="s">
        <v>72</v>
      </c>
      <c r="N46" s="373">
        <v>277</v>
      </c>
      <c r="O46" s="373">
        <v>150</v>
      </c>
      <c r="P46" s="373">
        <v>127</v>
      </c>
      <c r="Q46" s="373">
        <v>43</v>
      </c>
      <c r="R46" s="373">
        <v>25</v>
      </c>
      <c r="S46" s="373">
        <v>18</v>
      </c>
      <c r="T46" s="373">
        <v>73</v>
      </c>
      <c r="U46" s="373">
        <v>22</v>
      </c>
      <c r="V46" s="373">
        <v>51</v>
      </c>
      <c r="W46" s="373">
        <v>30</v>
      </c>
      <c r="X46" s="373">
        <v>-3</v>
      </c>
      <c r="Y46" s="373">
        <v>33</v>
      </c>
    </row>
    <row r="47" spans="1:25" ht="20.25" customHeight="1">
      <c r="A47" s="1038"/>
      <c r="B47" s="488">
        <v>718</v>
      </c>
      <c r="C47" s="381" t="s">
        <v>529</v>
      </c>
      <c r="D47" s="1040"/>
      <c r="E47" s="383">
        <v>-346</v>
      </c>
      <c r="F47" s="383">
        <v>-188</v>
      </c>
      <c r="G47" s="383">
        <v>-158</v>
      </c>
      <c r="H47" s="383">
        <v>-351</v>
      </c>
      <c r="I47" s="383">
        <v>-175</v>
      </c>
      <c r="J47" s="383">
        <v>-176</v>
      </c>
      <c r="K47" s="383" t="s">
        <v>72</v>
      </c>
      <c r="L47" s="383" t="s">
        <v>72</v>
      </c>
      <c r="M47" s="383" t="s">
        <v>72</v>
      </c>
      <c r="N47" s="383">
        <v>351</v>
      </c>
      <c r="O47" s="383">
        <v>175</v>
      </c>
      <c r="P47" s="383">
        <v>176</v>
      </c>
      <c r="Q47" s="383">
        <v>5</v>
      </c>
      <c r="R47" s="383">
        <v>-13</v>
      </c>
      <c r="S47" s="383">
        <v>18</v>
      </c>
      <c r="T47" s="383">
        <v>16</v>
      </c>
      <c r="U47" s="383">
        <v>2</v>
      </c>
      <c r="V47" s="383">
        <v>14</v>
      </c>
      <c r="W47" s="383">
        <v>11</v>
      </c>
      <c r="X47" s="383">
        <v>15</v>
      </c>
      <c r="Y47" s="383">
        <v>-4</v>
      </c>
    </row>
    <row r="48" spans="1:25" ht="20.25" customHeight="1" thickBot="1">
      <c r="A48" s="1041"/>
      <c r="B48" s="889">
        <v>6</v>
      </c>
      <c r="C48" s="247" t="s">
        <v>457</v>
      </c>
      <c r="D48" s="1042"/>
      <c r="E48" s="888">
        <v>-40</v>
      </c>
      <c r="F48" s="888">
        <v>-7</v>
      </c>
      <c r="G48" s="888">
        <v>-33</v>
      </c>
      <c r="H48" s="888">
        <v>-36</v>
      </c>
      <c r="I48" s="888">
        <v>-7</v>
      </c>
      <c r="J48" s="888">
        <v>-29</v>
      </c>
      <c r="K48" s="888" t="s">
        <v>72</v>
      </c>
      <c r="L48" s="888" t="s">
        <v>72</v>
      </c>
      <c r="M48" s="888" t="s">
        <v>72</v>
      </c>
      <c r="N48" s="888">
        <v>36</v>
      </c>
      <c r="O48" s="888">
        <v>7</v>
      </c>
      <c r="P48" s="888">
        <v>29</v>
      </c>
      <c r="Q48" s="888">
        <v>-4</v>
      </c>
      <c r="R48" s="888">
        <v>0</v>
      </c>
      <c r="S48" s="888">
        <v>-4</v>
      </c>
      <c r="T48" s="888">
        <v>1</v>
      </c>
      <c r="U48" s="888">
        <v>-1</v>
      </c>
      <c r="V48" s="888">
        <v>2</v>
      </c>
      <c r="W48" s="888">
        <v>5</v>
      </c>
      <c r="X48" s="888">
        <v>-1</v>
      </c>
      <c r="Y48" s="888">
        <v>6</v>
      </c>
    </row>
    <row r="49" spans="1:25" ht="9.75" customHeight="1" thickTop="1">
      <c r="A49" s="384"/>
      <c r="B49" s="386"/>
      <c r="C49" s="386"/>
      <c r="D49" s="386"/>
      <c r="E49" s="386"/>
      <c r="F49" s="386"/>
      <c r="G49" s="386"/>
      <c r="H49" s="386"/>
      <c r="I49" s="386"/>
    </row>
    <row r="50" spans="1:25" ht="16.5" customHeight="1">
      <c r="A50" s="489" t="s">
        <v>463</v>
      </c>
      <c r="C50" s="490"/>
      <c r="D50" s="490"/>
      <c r="E50" s="490"/>
      <c r="F50" s="490"/>
      <c r="G50" s="490"/>
      <c r="H50" s="490"/>
      <c r="I50" s="490"/>
      <c r="J50" s="490"/>
      <c r="K50" s="491"/>
      <c r="L50" s="353"/>
      <c r="M50" s="353"/>
      <c r="N50" s="353"/>
      <c r="O50" s="353"/>
      <c r="P50" s="353"/>
      <c r="Q50" s="353"/>
      <c r="R50" s="353"/>
      <c r="S50" s="353"/>
      <c r="T50" s="353"/>
      <c r="U50" s="353"/>
      <c r="V50" s="353"/>
      <c r="W50" s="353"/>
      <c r="X50" s="353"/>
      <c r="Y50" s="353"/>
    </row>
    <row r="51" spans="1:25" ht="16.5" customHeight="1">
      <c r="A51" s="489" t="s">
        <v>464</v>
      </c>
      <c r="C51" s="492"/>
      <c r="D51" s="492"/>
      <c r="E51" s="492"/>
      <c r="F51" s="492"/>
      <c r="G51" s="492"/>
      <c r="H51" s="492"/>
      <c r="I51" s="492"/>
      <c r="J51" s="492"/>
      <c r="K51" s="492"/>
      <c r="L51" s="353"/>
      <c r="M51" s="353"/>
      <c r="N51" s="353"/>
      <c r="O51" s="353"/>
      <c r="P51" s="353"/>
      <c r="Q51" s="353"/>
      <c r="R51" s="353"/>
      <c r="S51" s="353"/>
      <c r="T51" s="353"/>
      <c r="U51" s="353"/>
      <c r="V51" s="353"/>
      <c r="W51" s="353"/>
      <c r="X51" s="353"/>
      <c r="Y51" s="353"/>
    </row>
    <row r="52" spans="1:25" ht="16.5" customHeight="1">
      <c r="A52" s="489" t="s">
        <v>465</v>
      </c>
      <c r="C52" s="353"/>
      <c r="D52" s="353"/>
      <c r="E52" s="353"/>
      <c r="F52" s="353"/>
      <c r="G52" s="353"/>
      <c r="H52" s="353"/>
      <c r="I52" s="353"/>
      <c r="J52" s="353"/>
      <c r="K52" s="353"/>
      <c r="L52" s="353"/>
      <c r="M52" s="353"/>
      <c r="N52" s="353"/>
      <c r="O52" s="353"/>
      <c r="P52" s="353"/>
      <c r="Q52" s="353"/>
      <c r="R52" s="353"/>
      <c r="S52" s="353"/>
      <c r="T52" s="353"/>
      <c r="U52" s="353"/>
      <c r="V52" s="353"/>
      <c r="W52" s="353"/>
      <c r="X52" s="353"/>
      <c r="Y52" s="353"/>
    </row>
    <row r="57" spans="1:25">
      <c r="B57" s="386"/>
    </row>
  </sheetData>
  <mergeCells count="21">
    <mergeCell ref="A4:B4"/>
    <mergeCell ref="E4:G4"/>
    <mergeCell ref="H4:J4"/>
    <mergeCell ref="K4:M4"/>
    <mergeCell ref="N4:P4"/>
    <mergeCell ref="T4:V4"/>
    <mergeCell ref="W4:Y4"/>
    <mergeCell ref="E5:G5"/>
    <mergeCell ref="H5:J5"/>
    <mergeCell ref="K5:M5"/>
    <mergeCell ref="N5:P5"/>
    <mergeCell ref="Q5:S5"/>
    <mergeCell ref="T5:V5"/>
    <mergeCell ref="W5:Y5"/>
    <mergeCell ref="Q4:S4"/>
    <mergeCell ref="A12:A20"/>
    <mergeCell ref="D12:D19"/>
    <mergeCell ref="A26:A34"/>
    <mergeCell ref="D26:D33"/>
    <mergeCell ref="A39:A48"/>
    <mergeCell ref="D39:D48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80" orientation="landscape" blackAndWhite="1" r:id="rId1"/>
  <headerFooter scaleWithDoc="0"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57"/>
  <sheetViews>
    <sheetView view="pageBreakPreview" zoomScale="80" zoomScaleNormal="80" zoomScaleSheetLayoutView="80" workbookViewId="0"/>
  </sheetViews>
  <sheetFormatPr defaultRowHeight="13.5"/>
  <cols>
    <col min="1" max="1" width="5.625" style="151" customWidth="1"/>
    <col min="2" max="2" width="15" style="151" customWidth="1"/>
    <col min="3" max="3" width="12.5" style="151" customWidth="1"/>
    <col min="4" max="4" width="5.625" style="151" customWidth="1"/>
    <col min="5" max="25" width="10" style="151" customWidth="1"/>
    <col min="26" max="16384" width="9" style="151"/>
  </cols>
  <sheetData>
    <row r="1" spans="1:25" ht="21" customHeight="1" thickBot="1">
      <c r="A1" s="658" t="s">
        <v>538</v>
      </c>
      <c r="C1" s="329"/>
      <c r="D1" s="329"/>
      <c r="E1" s="329"/>
      <c r="F1" s="329"/>
      <c r="G1" s="329"/>
      <c r="R1" s="329"/>
      <c r="T1" s="329"/>
      <c r="U1" s="329"/>
      <c r="X1" s="330"/>
      <c r="Y1" s="463" t="s">
        <v>629</v>
      </c>
    </row>
    <row r="2" spans="1:25" ht="20.25" customHeight="1" thickTop="1">
      <c r="A2" s="356"/>
      <c r="B2" s="357"/>
      <c r="C2" s="464"/>
      <c r="D2" s="331"/>
      <c r="E2" s="331"/>
      <c r="F2" s="331"/>
      <c r="G2" s="331"/>
      <c r="H2" s="331"/>
      <c r="I2" s="331"/>
      <c r="J2" s="331"/>
      <c r="K2" s="331"/>
      <c r="L2" s="331"/>
      <c r="M2" s="331"/>
      <c r="N2" s="331"/>
      <c r="O2" s="331"/>
      <c r="P2" s="331"/>
      <c r="Q2" s="331"/>
      <c r="R2" s="331"/>
      <c r="S2" s="331"/>
      <c r="T2" s="331"/>
      <c r="U2" s="331"/>
      <c r="V2" s="331"/>
      <c r="W2" s="331"/>
      <c r="X2" s="331"/>
      <c r="Y2" s="331"/>
    </row>
    <row r="3" spans="1:25" ht="20.25" customHeight="1">
      <c r="A3" s="358"/>
      <c r="B3" s="359"/>
      <c r="C3" s="332"/>
      <c r="D3" s="360"/>
      <c r="E3" s="465"/>
      <c r="F3" s="333"/>
      <c r="G3" s="334"/>
      <c r="H3" s="466"/>
      <c r="I3" s="467"/>
      <c r="J3" s="335"/>
      <c r="K3" s="335"/>
      <c r="L3" s="335"/>
      <c r="M3" s="335"/>
      <c r="N3" s="335"/>
      <c r="O3" s="335"/>
      <c r="P3" s="335"/>
      <c r="Q3" s="466"/>
      <c r="R3" s="467"/>
      <c r="S3" s="335"/>
      <c r="T3" s="335"/>
      <c r="U3" s="335"/>
      <c r="V3" s="335"/>
      <c r="W3" s="335"/>
      <c r="X3" s="335"/>
      <c r="Y3" s="335"/>
    </row>
    <row r="4" spans="1:25" ht="20.25" customHeight="1">
      <c r="A4" s="1043" t="s">
        <v>420</v>
      </c>
      <c r="B4" s="1044"/>
      <c r="C4" s="468" t="s">
        <v>253</v>
      </c>
      <c r="D4" s="366"/>
      <c r="E4" s="1034" t="s">
        <v>490</v>
      </c>
      <c r="F4" s="1034"/>
      <c r="G4" s="1035"/>
      <c r="H4" s="1033" t="s">
        <v>422</v>
      </c>
      <c r="I4" s="1034"/>
      <c r="J4" s="1035"/>
      <c r="K4" s="1027" t="s">
        <v>423</v>
      </c>
      <c r="L4" s="1028"/>
      <c r="M4" s="1029"/>
      <c r="N4" s="1027" t="s">
        <v>491</v>
      </c>
      <c r="O4" s="1028"/>
      <c r="P4" s="1028"/>
      <c r="Q4" s="1033" t="s">
        <v>425</v>
      </c>
      <c r="R4" s="1034"/>
      <c r="S4" s="1035"/>
      <c r="T4" s="1027" t="s">
        <v>426</v>
      </c>
      <c r="U4" s="1028"/>
      <c r="V4" s="1028"/>
      <c r="W4" s="1027" t="s">
        <v>427</v>
      </c>
      <c r="X4" s="1028"/>
      <c r="Y4" s="1028"/>
    </row>
    <row r="5" spans="1:25" ht="20.25" customHeight="1">
      <c r="A5" s="358"/>
      <c r="B5" s="359"/>
      <c r="C5" s="347"/>
      <c r="D5" s="469"/>
      <c r="E5" s="1031" t="s">
        <v>492</v>
      </c>
      <c r="F5" s="1031"/>
      <c r="G5" s="1032"/>
      <c r="H5" s="1030" t="s">
        <v>493</v>
      </c>
      <c r="I5" s="1031"/>
      <c r="J5" s="1032"/>
      <c r="K5" s="1030" t="s">
        <v>494</v>
      </c>
      <c r="L5" s="1031"/>
      <c r="M5" s="1032"/>
      <c r="N5" s="1030" t="s">
        <v>495</v>
      </c>
      <c r="O5" s="1031"/>
      <c r="P5" s="1031"/>
      <c r="Q5" s="1030" t="s">
        <v>496</v>
      </c>
      <c r="R5" s="1031"/>
      <c r="S5" s="1032"/>
      <c r="T5" s="1030" t="s">
        <v>433</v>
      </c>
      <c r="U5" s="1031"/>
      <c r="V5" s="1031"/>
      <c r="W5" s="1030" t="s">
        <v>434</v>
      </c>
      <c r="X5" s="1031"/>
      <c r="Y5" s="1031"/>
    </row>
    <row r="6" spans="1:25" ht="20.25" customHeight="1">
      <c r="A6" s="361"/>
      <c r="B6" s="362"/>
      <c r="C6" s="470"/>
      <c r="D6" s="471"/>
      <c r="E6" s="472" t="s">
        <v>497</v>
      </c>
      <c r="F6" s="472" t="s">
        <v>498</v>
      </c>
      <c r="G6" s="473" t="s">
        <v>499</v>
      </c>
      <c r="H6" s="474" t="s">
        <v>497</v>
      </c>
      <c r="I6" s="472" t="s">
        <v>498</v>
      </c>
      <c r="J6" s="473" t="s">
        <v>499</v>
      </c>
      <c r="K6" s="474" t="s">
        <v>500</v>
      </c>
      <c r="L6" s="472" t="s">
        <v>498</v>
      </c>
      <c r="M6" s="472" t="s">
        <v>499</v>
      </c>
      <c r="N6" s="475" t="s">
        <v>500</v>
      </c>
      <c r="O6" s="475" t="s">
        <v>502</v>
      </c>
      <c r="P6" s="475" t="s">
        <v>499</v>
      </c>
      <c r="Q6" s="472" t="s">
        <v>497</v>
      </c>
      <c r="R6" s="472" t="s">
        <v>498</v>
      </c>
      <c r="S6" s="473" t="s">
        <v>499</v>
      </c>
      <c r="T6" s="474" t="s">
        <v>497</v>
      </c>
      <c r="U6" s="475" t="s">
        <v>498</v>
      </c>
      <c r="V6" s="475" t="s">
        <v>499</v>
      </c>
      <c r="W6" s="475" t="s">
        <v>497</v>
      </c>
      <c r="X6" s="475" t="s">
        <v>498</v>
      </c>
      <c r="Y6" s="475" t="s">
        <v>499</v>
      </c>
    </row>
    <row r="7" spans="1:25" ht="20.25" customHeight="1">
      <c r="A7" s="363"/>
      <c r="B7" s="476" t="s">
        <v>192</v>
      </c>
      <c r="C7" s="239"/>
      <c r="D7" s="477"/>
      <c r="E7" s="478" t="s">
        <v>192</v>
      </c>
      <c r="F7" s="105" t="s">
        <v>192</v>
      </c>
      <c r="G7" s="86" t="s">
        <v>192</v>
      </c>
      <c r="H7" s="106" t="s">
        <v>192</v>
      </c>
      <c r="I7" s="105" t="s">
        <v>192</v>
      </c>
      <c r="J7" s="86" t="s">
        <v>192</v>
      </c>
      <c r="K7" s="106" t="s">
        <v>192</v>
      </c>
      <c r="L7" s="105" t="s">
        <v>192</v>
      </c>
      <c r="M7" s="105" t="s">
        <v>192</v>
      </c>
      <c r="N7" s="479" t="s">
        <v>192</v>
      </c>
      <c r="O7" s="479" t="s">
        <v>192</v>
      </c>
      <c r="P7" s="479" t="s">
        <v>192</v>
      </c>
      <c r="Q7" s="478" t="s">
        <v>192</v>
      </c>
      <c r="R7" s="105" t="s">
        <v>192</v>
      </c>
      <c r="S7" s="86" t="s">
        <v>192</v>
      </c>
      <c r="T7" s="479" t="s">
        <v>192</v>
      </c>
      <c r="U7" s="479" t="s">
        <v>192</v>
      </c>
      <c r="V7" s="479" t="s">
        <v>192</v>
      </c>
      <c r="W7" s="479" t="s">
        <v>192</v>
      </c>
      <c r="X7" s="479" t="s">
        <v>192</v>
      </c>
      <c r="Y7" s="479" t="s">
        <v>192</v>
      </c>
    </row>
    <row r="8" spans="1:25" ht="20.25" customHeight="1">
      <c r="A8" s="364"/>
      <c r="B8" s="372">
        <v>1590272</v>
      </c>
      <c r="C8" s="365" t="s">
        <v>194</v>
      </c>
      <c r="D8" s="366"/>
      <c r="E8" s="373">
        <v>3504</v>
      </c>
      <c r="F8" s="374">
        <v>1037</v>
      </c>
      <c r="G8" s="375">
        <v>2467</v>
      </c>
      <c r="H8" s="373">
        <v>-7130</v>
      </c>
      <c r="I8" s="374">
        <v>-4363</v>
      </c>
      <c r="J8" s="376">
        <v>-2767</v>
      </c>
      <c r="K8" s="373">
        <v>9934</v>
      </c>
      <c r="L8" s="374">
        <v>5099</v>
      </c>
      <c r="M8" s="376">
        <v>4835</v>
      </c>
      <c r="N8" s="375">
        <v>17064</v>
      </c>
      <c r="O8" s="373">
        <v>9462</v>
      </c>
      <c r="P8" s="373">
        <v>7602</v>
      </c>
      <c r="Q8" s="373">
        <v>10634</v>
      </c>
      <c r="R8" s="374">
        <v>5400</v>
      </c>
      <c r="S8" s="376">
        <v>5234</v>
      </c>
      <c r="T8" s="375">
        <v>80988</v>
      </c>
      <c r="U8" s="373">
        <v>43926</v>
      </c>
      <c r="V8" s="373">
        <v>37062</v>
      </c>
      <c r="W8" s="373">
        <v>70354</v>
      </c>
      <c r="X8" s="373">
        <v>38526</v>
      </c>
      <c r="Y8" s="373">
        <v>31828</v>
      </c>
    </row>
    <row r="9" spans="1:25" ht="12.75" customHeight="1">
      <c r="A9" s="367"/>
      <c r="B9" s="385"/>
      <c r="C9" s="341"/>
      <c r="D9" s="368"/>
      <c r="E9" s="323"/>
      <c r="F9" s="307"/>
      <c r="G9" s="369"/>
      <c r="H9" s="323"/>
      <c r="I9" s="307"/>
      <c r="J9" s="324"/>
      <c r="K9" s="323"/>
      <c r="L9" s="307"/>
      <c r="M9" s="324"/>
      <c r="N9" s="369"/>
      <c r="O9" s="323"/>
      <c r="P9" s="307"/>
      <c r="Q9" s="323"/>
      <c r="R9" s="307"/>
      <c r="S9" s="324"/>
      <c r="T9" s="369"/>
      <c r="U9" s="307"/>
      <c r="V9" s="369"/>
      <c r="W9" s="323"/>
      <c r="X9" s="307"/>
      <c r="Y9" s="369"/>
    </row>
    <row r="10" spans="1:25" ht="20.25" customHeight="1">
      <c r="A10" s="364" t="s">
        <v>517</v>
      </c>
      <c r="B10" s="377">
        <v>114000</v>
      </c>
      <c r="C10" s="378" t="s">
        <v>518</v>
      </c>
      <c r="D10" s="366" t="s">
        <v>519</v>
      </c>
      <c r="E10" s="320">
        <v>10879</v>
      </c>
      <c r="F10" s="304">
        <v>5566</v>
      </c>
      <c r="G10" s="379">
        <v>5313</v>
      </c>
      <c r="H10" s="320">
        <v>9902</v>
      </c>
      <c r="I10" s="304">
        <v>5083</v>
      </c>
      <c r="J10" s="321">
        <v>4819</v>
      </c>
      <c r="K10" s="320">
        <v>9934</v>
      </c>
      <c r="L10" s="320">
        <v>5099</v>
      </c>
      <c r="M10" s="320">
        <v>4835</v>
      </c>
      <c r="N10" s="320">
        <v>32</v>
      </c>
      <c r="O10" s="320">
        <v>16</v>
      </c>
      <c r="P10" s="320">
        <v>16</v>
      </c>
      <c r="Q10" s="320">
        <v>977</v>
      </c>
      <c r="R10" s="304">
        <v>483</v>
      </c>
      <c r="S10" s="321">
        <v>494</v>
      </c>
      <c r="T10" s="320">
        <v>6199</v>
      </c>
      <c r="U10" s="304">
        <v>3166</v>
      </c>
      <c r="V10" s="379">
        <v>3033</v>
      </c>
      <c r="W10" s="320">
        <v>5222</v>
      </c>
      <c r="X10" s="304">
        <v>2683</v>
      </c>
      <c r="Y10" s="379">
        <v>2539</v>
      </c>
    </row>
    <row r="11" spans="1:25" ht="20.25" customHeight="1">
      <c r="A11" s="370"/>
      <c r="B11" s="377">
        <v>134765</v>
      </c>
      <c r="C11" s="380" t="s">
        <v>520</v>
      </c>
      <c r="D11" s="480"/>
      <c r="E11" s="320">
        <v>1350</v>
      </c>
      <c r="F11" s="304">
        <v>620</v>
      </c>
      <c r="G11" s="379">
        <v>730</v>
      </c>
      <c r="H11" s="320">
        <v>-21</v>
      </c>
      <c r="I11" s="304">
        <v>-16</v>
      </c>
      <c r="J11" s="321">
        <v>-5</v>
      </c>
      <c r="K11" s="320" t="s">
        <v>72</v>
      </c>
      <c r="L11" s="304" t="s">
        <v>72</v>
      </c>
      <c r="M11" s="321" t="s">
        <v>72</v>
      </c>
      <c r="N11" s="320">
        <v>21</v>
      </c>
      <c r="O11" s="320">
        <v>16</v>
      </c>
      <c r="P11" s="320">
        <v>5</v>
      </c>
      <c r="Q11" s="320">
        <v>1371</v>
      </c>
      <c r="R11" s="304">
        <v>636</v>
      </c>
      <c r="S11" s="321">
        <v>735</v>
      </c>
      <c r="T11" s="320">
        <v>3972</v>
      </c>
      <c r="U11" s="304">
        <v>2006</v>
      </c>
      <c r="V11" s="379">
        <v>1966</v>
      </c>
      <c r="W11" s="320">
        <v>2601</v>
      </c>
      <c r="X11" s="304">
        <v>1370</v>
      </c>
      <c r="Y11" s="379">
        <v>1231</v>
      </c>
    </row>
    <row r="12" spans="1:25" ht="20.25" customHeight="1">
      <c r="A12" s="1038" t="s">
        <v>435</v>
      </c>
      <c r="B12" s="377">
        <v>170613</v>
      </c>
      <c r="C12" s="380" t="s">
        <v>521</v>
      </c>
      <c r="D12" s="1040" t="s">
        <v>522</v>
      </c>
      <c r="E12" s="320">
        <v>3954</v>
      </c>
      <c r="F12" s="304">
        <v>2264</v>
      </c>
      <c r="G12" s="379">
        <v>1690</v>
      </c>
      <c r="H12" s="320">
        <v>-55</v>
      </c>
      <c r="I12" s="304">
        <v>-34</v>
      </c>
      <c r="J12" s="321">
        <v>-21</v>
      </c>
      <c r="K12" s="320" t="s">
        <v>72</v>
      </c>
      <c r="L12" s="304" t="s">
        <v>72</v>
      </c>
      <c r="M12" s="321" t="s">
        <v>72</v>
      </c>
      <c r="N12" s="320">
        <v>55</v>
      </c>
      <c r="O12" s="320">
        <v>34</v>
      </c>
      <c r="P12" s="320">
        <v>21</v>
      </c>
      <c r="Q12" s="320">
        <v>4009</v>
      </c>
      <c r="R12" s="304">
        <v>2298</v>
      </c>
      <c r="S12" s="321">
        <v>1711</v>
      </c>
      <c r="T12" s="320">
        <v>31623</v>
      </c>
      <c r="U12" s="304">
        <v>16803</v>
      </c>
      <c r="V12" s="379">
        <v>14820</v>
      </c>
      <c r="W12" s="320">
        <v>27614</v>
      </c>
      <c r="X12" s="304">
        <v>14505</v>
      </c>
      <c r="Y12" s="379">
        <v>13109</v>
      </c>
    </row>
    <row r="13" spans="1:25" ht="20.25" customHeight="1">
      <c r="A13" s="1038"/>
      <c r="B13" s="377">
        <v>173128</v>
      </c>
      <c r="C13" s="380" t="s">
        <v>523</v>
      </c>
      <c r="D13" s="1040"/>
      <c r="E13" s="320">
        <v>2200</v>
      </c>
      <c r="F13" s="304">
        <v>1146</v>
      </c>
      <c r="G13" s="379">
        <v>1054</v>
      </c>
      <c r="H13" s="320">
        <v>-73</v>
      </c>
      <c r="I13" s="304">
        <v>-47</v>
      </c>
      <c r="J13" s="321">
        <v>-26</v>
      </c>
      <c r="K13" s="320" t="s">
        <v>72</v>
      </c>
      <c r="L13" s="304" t="s">
        <v>72</v>
      </c>
      <c r="M13" s="321" t="s">
        <v>72</v>
      </c>
      <c r="N13" s="320">
        <v>73</v>
      </c>
      <c r="O13" s="320">
        <v>47</v>
      </c>
      <c r="P13" s="320">
        <v>26</v>
      </c>
      <c r="Q13" s="320">
        <v>2273</v>
      </c>
      <c r="R13" s="304">
        <v>1193</v>
      </c>
      <c r="S13" s="321">
        <v>1080</v>
      </c>
      <c r="T13" s="320">
        <v>18251</v>
      </c>
      <c r="U13" s="304">
        <v>10452</v>
      </c>
      <c r="V13" s="379">
        <v>7799</v>
      </c>
      <c r="W13" s="320">
        <v>15978</v>
      </c>
      <c r="X13" s="304">
        <v>9259</v>
      </c>
      <c r="Y13" s="379">
        <v>6719</v>
      </c>
    </row>
    <row r="14" spans="1:25" ht="20.25" customHeight="1">
      <c r="A14" s="1038"/>
      <c r="B14" s="355">
        <v>225849</v>
      </c>
      <c r="C14" s="381" t="s">
        <v>524</v>
      </c>
      <c r="D14" s="1040"/>
      <c r="E14" s="323">
        <v>559</v>
      </c>
      <c r="F14" s="307">
        <v>276</v>
      </c>
      <c r="G14" s="369">
        <v>283</v>
      </c>
      <c r="H14" s="307">
        <v>-304</v>
      </c>
      <c r="I14" s="307">
        <v>-189</v>
      </c>
      <c r="J14" s="324">
        <v>-115</v>
      </c>
      <c r="K14" s="307" t="s">
        <v>72</v>
      </c>
      <c r="L14" s="307" t="s">
        <v>72</v>
      </c>
      <c r="M14" s="324" t="s">
        <v>72</v>
      </c>
      <c r="N14" s="323">
        <v>304</v>
      </c>
      <c r="O14" s="323">
        <v>189</v>
      </c>
      <c r="P14" s="323">
        <v>115</v>
      </c>
      <c r="Q14" s="323">
        <v>863</v>
      </c>
      <c r="R14" s="307">
        <v>465</v>
      </c>
      <c r="S14" s="324">
        <v>398</v>
      </c>
      <c r="T14" s="323">
        <v>8422</v>
      </c>
      <c r="U14" s="307">
        <v>5043</v>
      </c>
      <c r="V14" s="369">
        <v>3379</v>
      </c>
      <c r="W14" s="323">
        <v>7559</v>
      </c>
      <c r="X14" s="307">
        <v>4578</v>
      </c>
      <c r="Y14" s="369">
        <v>2981</v>
      </c>
    </row>
    <row r="15" spans="1:25" ht="20.25" customHeight="1">
      <c r="A15" s="1038"/>
      <c r="B15" s="377">
        <v>238545</v>
      </c>
      <c r="C15" s="380" t="s">
        <v>525</v>
      </c>
      <c r="D15" s="1040"/>
      <c r="E15" s="320">
        <v>-496</v>
      </c>
      <c r="F15" s="304">
        <v>-457</v>
      </c>
      <c r="G15" s="379">
        <v>-39</v>
      </c>
      <c r="H15" s="320">
        <v>-775</v>
      </c>
      <c r="I15" s="304">
        <v>-543</v>
      </c>
      <c r="J15" s="321">
        <v>-232</v>
      </c>
      <c r="K15" s="320" t="s">
        <v>72</v>
      </c>
      <c r="L15" s="304" t="s">
        <v>72</v>
      </c>
      <c r="M15" s="304" t="s">
        <v>72</v>
      </c>
      <c r="N15" s="320">
        <v>775</v>
      </c>
      <c r="O15" s="320">
        <v>543</v>
      </c>
      <c r="P15" s="320">
        <v>232</v>
      </c>
      <c r="Q15" s="320">
        <v>279</v>
      </c>
      <c r="R15" s="304">
        <v>86</v>
      </c>
      <c r="S15" s="321">
        <v>193</v>
      </c>
      <c r="T15" s="320">
        <v>5556</v>
      </c>
      <c r="U15" s="304">
        <v>3160</v>
      </c>
      <c r="V15" s="379">
        <v>2396</v>
      </c>
      <c r="W15" s="320">
        <v>5277</v>
      </c>
      <c r="X15" s="304">
        <v>3074</v>
      </c>
      <c r="Y15" s="379">
        <v>2203</v>
      </c>
    </row>
    <row r="16" spans="1:25" ht="20.25" customHeight="1">
      <c r="A16" s="1038"/>
      <c r="B16" s="377">
        <v>167479</v>
      </c>
      <c r="C16" s="380" t="s">
        <v>526</v>
      </c>
      <c r="D16" s="1040"/>
      <c r="E16" s="320">
        <v>-1202</v>
      </c>
      <c r="F16" s="304">
        <v>-947</v>
      </c>
      <c r="G16" s="379">
        <v>-255</v>
      </c>
      <c r="H16" s="320">
        <v>-1257</v>
      </c>
      <c r="I16" s="304">
        <v>-879</v>
      </c>
      <c r="J16" s="321">
        <v>-378</v>
      </c>
      <c r="K16" s="320" t="s">
        <v>72</v>
      </c>
      <c r="L16" s="304" t="s">
        <v>72</v>
      </c>
      <c r="M16" s="321" t="s">
        <v>72</v>
      </c>
      <c r="N16" s="320">
        <v>1257</v>
      </c>
      <c r="O16" s="320">
        <v>879</v>
      </c>
      <c r="P16" s="320">
        <v>378</v>
      </c>
      <c r="Q16" s="320">
        <v>55</v>
      </c>
      <c r="R16" s="304">
        <v>-68</v>
      </c>
      <c r="S16" s="321">
        <v>123</v>
      </c>
      <c r="T16" s="320">
        <v>2740</v>
      </c>
      <c r="U16" s="304">
        <v>1539</v>
      </c>
      <c r="V16" s="379">
        <v>1201</v>
      </c>
      <c r="W16" s="320">
        <v>2685</v>
      </c>
      <c r="X16" s="304">
        <v>1607</v>
      </c>
      <c r="Y16" s="379">
        <v>1078</v>
      </c>
    </row>
    <row r="17" spans="1:25" ht="20.25" customHeight="1">
      <c r="A17" s="1038"/>
      <c r="B17" s="377">
        <v>194801</v>
      </c>
      <c r="C17" s="380" t="s">
        <v>527</v>
      </c>
      <c r="D17" s="1040"/>
      <c r="E17" s="320">
        <v>-3612</v>
      </c>
      <c r="F17" s="304">
        <v>-2399</v>
      </c>
      <c r="G17" s="379">
        <v>-1213</v>
      </c>
      <c r="H17" s="320">
        <v>-3796</v>
      </c>
      <c r="I17" s="304">
        <v>-2500</v>
      </c>
      <c r="J17" s="321">
        <v>-1296</v>
      </c>
      <c r="K17" s="320" t="s">
        <v>72</v>
      </c>
      <c r="L17" s="304" t="s">
        <v>72</v>
      </c>
      <c r="M17" s="321" t="s">
        <v>72</v>
      </c>
      <c r="N17" s="320">
        <v>3796</v>
      </c>
      <c r="O17" s="320">
        <v>2500</v>
      </c>
      <c r="P17" s="320">
        <v>1296</v>
      </c>
      <c r="Q17" s="320">
        <v>184</v>
      </c>
      <c r="R17" s="304">
        <v>101</v>
      </c>
      <c r="S17" s="321">
        <v>83</v>
      </c>
      <c r="T17" s="320">
        <v>2064</v>
      </c>
      <c r="U17" s="304">
        <v>1039</v>
      </c>
      <c r="V17" s="379">
        <v>1025</v>
      </c>
      <c r="W17" s="320">
        <v>1880</v>
      </c>
      <c r="X17" s="304">
        <v>938</v>
      </c>
      <c r="Y17" s="379">
        <v>942</v>
      </c>
    </row>
    <row r="18" spans="1:25" ht="20.25" customHeight="1">
      <c r="A18" s="1038"/>
      <c r="B18" s="377">
        <v>110180</v>
      </c>
      <c r="C18" s="380" t="s">
        <v>528</v>
      </c>
      <c r="D18" s="1040"/>
      <c r="E18" s="320">
        <v>-6100</v>
      </c>
      <c r="F18" s="304">
        <v>-3609</v>
      </c>
      <c r="G18" s="379">
        <v>-2491</v>
      </c>
      <c r="H18" s="320">
        <v>-6555</v>
      </c>
      <c r="I18" s="304">
        <v>-3770</v>
      </c>
      <c r="J18" s="321">
        <v>-2785</v>
      </c>
      <c r="K18" s="320" t="s">
        <v>72</v>
      </c>
      <c r="L18" s="304" t="s">
        <v>72</v>
      </c>
      <c r="M18" s="321" t="s">
        <v>72</v>
      </c>
      <c r="N18" s="320">
        <v>6555</v>
      </c>
      <c r="O18" s="320">
        <v>3770</v>
      </c>
      <c r="P18" s="320">
        <v>2785</v>
      </c>
      <c r="Q18" s="320">
        <v>455</v>
      </c>
      <c r="R18" s="304">
        <v>161</v>
      </c>
      <c r="S18" s="321">
        <v>294</v>
      </c>
      <c r="T18" s="320">
        <v>1653</v>
      </c>
      <c r="U18" s="304">
        <v>577</v>
      </c>
      <c r="V18" s="379">
        <v>1076</v>
      </c>
      <c r="W18" s="320">
        <v>1198</v>
      </c>
      <c r="X18" s="304">
        <v>416</v>
      </c>
      <c r="Y18" s="379">
        <v>782</v>
      </c>
    </row>
    <row r="19" spans="1:25" ht="20.25" customHeight="1">
      <c r="A19" s="1038"/>
      <c r="B19" s="355">
        <v>21432</v>
      </c>
      <c r="C19" s="381" t="s">
        <v>529</v>
      </c>
      <c r="D19" s="1040"/>
      <c r="E19" s="323">
        <v>-3700</v>
      </c>
      <c r="F19" s="307">
        <v>-1374</v>
      </c>
      <c r="G19" s="369">
        <v>-2326</v>
      </c>
      <c r="H19" s="323">
        <v>-3860</v>
      </c>
      <c r="I19" s="307">
        <v>-1417</v>
      </c>
      <c r="J19" s="324">
        <v>-2443</v>
      </c>
      <c r="K19" s="323" t="s">
        <v>72</v>
      </c>
      <c r="L19" s="307" t="s">
        <v>72</v>
      </c>
      <c r="M19" s="324" t="s">
        <v>72</v>
      </c>
      <c r="N19" s="323">
        <v>3860</v>
      </c>
      <c r="O19" s="323">
        <v>1417</v>
      </c>
      <c r="P19" s="323">
        <v>2443</v>
      </c>
      <c r="Q19" s="323">
        <v>160</v>
      </c>
      <c r="R19" s="307">
        <v>43</v>
      </c>
      <c r="S19" s="324">
        <v>117</v>
      </c>
      <c r="T19" s="323">
        <v>490</v>
      </c>
      <c r="U19" s="307">
        <v>138</v>
      </c>
      <c r="V19" s="369">
        <v>352</v>
      </c>
      <c r="W19" s="323">
        <v>330</v>
      </c>
      <c r="X19" s="307">
        <v>95</v>
      </c>
      <c r="Y19" s="369">
        <v>235</v>
      </c>
    </row>
    <row r="20" spans="1:25" ht="20.25" customHeight="1" thickBot="1">
      <c r="A20" s="1039"/>
      <c r="B20" s="881">
        <v>719</v>
      </c>
      <c r="C20" s="247" t="s">
        <v>457</v>
      </c>
      <c r="D20" s="882"/>
      <c r="E20" s="883">
        <v>-327</v>
      </c>
      <c r="F20" s="884">
        <v>-48</v>
      </c>
      <c r="G20" s="885">
        <v>-279</v>
      </c>
      <c r="H20" s="884">
        <v>-336</v>
      </c>
      <c r="I20" s="884">
        <v>-51</v>
      </c>
      <c r="J20" s="886">
        <v>-285</v>
      </c>
      <c r="K20" s="883" t="s">
        <v>72</v>
      </c>
      <c r="L20" s="884" t="s">
        <v>72</v>
      </c>
      <c r="M20" s="884" t="s">
        <v>72</v>
      </c>
      <c r="N20" s="883">
        <v>336</v>
      </c>
      <c r="O20" s="883">
        <v>51</v>
      </c>
      <c r="P20" s="883">
        <v>285</v>
      </c>
      <c r="Q20" s="883">
        <v>9</v>
      </c>
      <c r="R20" s="884">
        <v>3</v>
      </c>
      <c r="S20" s="886">
        <v>6</v>
      </c>
      <c r="T20" s="883">
        <v>18</v>
      </c>
      <c r="U20" s="884">
        <v>3</v>
      </c>
      <c r="V20" s="885">
        <v>15</v>
      </c>
      <c r="W20" s="883">
        <v>9</v>
      </c>
      <c r="X20" s="884">
        <v>0</v>
      </c>
      <c r="Y20" s="885">
        <v>9</v>
      </c>
    </row>
    <row r="21" spans="1:25" ht="20.25" customHeight="1" thickTop="1">
      <c r="A21" s="371"/>
      <c r="B21" s="481" t="s">
        <v>192</v>
      </c>
      <c r="C21" s="239"/>
      <c r="D21" s="477"/>
      <c r="E21" s="482" t="s">
        <v>192</v>
      </c>
      <c r="F21" s="482" t="s">
        <v>192</v>
      </c>
      <c r="G21" s="483" t="s">
        <v>192</v>
      </c>
      <c r="H21" s="484" t="s">
        <v>192</v>
      </c>
      <c r="I21" s="482" t="s">
        <v>192</v>
      </c>
      <c r="J21" s="483" t="s">
        <v>192</v>
      </c>
      <c r="K21" s="484" t="s">
        <v>192</v>
      </c>
      <c r="L21" s="482" t="s">
        <v>192</v>
      </c>
      <c r="M21" s="482" t="s">
        <v>192</v>
      </c>
      <c r="N21" s="484" t="s">
        <v>192</v>
      </c>
      <c r="O21" s="484" t="s">
        <v>192</v>
      </c>
      <c r="P21" s="484" t="s">
        <v>192</v>
      </c>
      <c r="Q21" s="482" t="s">
        <v>192</v>
      </c>
      <c r="R21" s="482" t="s">
        <v>192</v>
      </c>
      <c r="S21" s="483" t="s">
        <v>192</v>
      </c>
      <c r="T21" s="484" t="s">
        <v>192</v>
      </c>
      <c r="U21" s="482" t="s">
        <v>192</v>
      </c>
      <c r="V21" s="887" t="s">
        <v>192</v>
      </c>
      <c r="W21" s="484" t="s">
        <v>192</v>
      </c>
      <c r="X21" s="482" t="s">
        <v>192</v>
      </c>
      <c r="Y21" s="483" t="s">
        <v>192</v>
      </c>
    </row>
    <row r="22" spans="1:25" ht="20.25" customHeight="1">
      <c r="A22" s="364"/>
      <c r="B22" s="372">
        <v>1586768</v>
      </c>
      <c r="C22" s="365" t="s">
        <v>194</v>
      </c>
      <c r="D22" s="366"/>
      <c r="E22" s="373">
        <v>2129</v>
      </c>
      <c r="F22" s="374">
        <v>-86</v>
      </c>
      <c r="G22" s="375">
        <v>2215</v>
      </c>
      <c r="H22" s="373">
        <v>-4997</v>
      </c>
      <c r="I22" s="374">
        <v>-3238</v>
      </c>
      <c r="J22" s="376">
        <v>-1759</v>
      </c>
      <c r="K22" s="373">
        <v>10274</v>
      </c>
      <c r="L22" s="374">
        <v>5227</v>
      </c>
      <c r="M22" s="376">
        <v>5047</v>
      </c>
      <c r="N22" s="375">
        <v>15271</v>
      </c>
      <c r="O22" s="373">
        <v>8465</v>
      </c>
      <c r="P22" s="373">
        <v>6806</v>
      </c>
      <c r="Q22" s="373">
        <v>7126</v>
      </c>
      <c r="R22" s="374">
        <v>3152</v>
      </c>
      <c r="S22" s="376">
        <v>3974</v>
      </c>
      <c r="T22" s="375">
        <v>76182</v>
      </c>
      <c r="U22" s="374">
        <v>41156</v>
      </c>
      <c r="V22" s="376">
        <v>35026</v>
      </c>
      <c r="W22" s="373">
        <v>69056</v>
      </c>
      <c r="X22" s="374">
        <v>38004</v>
      </c>
      <c r="Y22" s="375">
        <v>31052</v>
      </c>
    </row>
    <row r="23" spans="1:25" ht="12.75" customHeight="1">
      <c r="A23" s="371"/>
      <c r="B23" s="385"/>
      <c r="C23" s="341"/>
      <c r="D23" s="368"/>
      <c r="E23" s="323"/>
      <c r="F23" s="307"/>
      <c r="G23" s="369"/>
      <c r="H23" s="323"/>
      <c r="I23" s="307"/>
      <c r="J23" s="324"/>
      <c r="K23" s="323"/>
      <c r="L23" s="307"/>
      <c r="M23" s="324"/>
      <c r="N23" s="369"/>
      <c r="O23" s="323"/>
      <c r="P23" s="307"/>
      <c r="Q23" s="323"/>
      <c r="R23" s="307"/>
      <c r="S23" s="324"/>
      <c r="T23" s="369"/>
      <c r="U23" s="307"/>
      <c r="V23" s="369"/>
      <c r="W23" s="323"/>
      <c r="X23" s="307"/>
      <c r="Y23" s="369"/>
    </row>
    <row r="24" spans="1:25" ht="20.25" customHeight="1">
      <c r="A24" s="364" t="s">
        <v>530</v>
      </c>
      <c r="B24" s="377">
        <v>115773</v>
      </c>
      <c r="C24" s="378" t="s">
        <v>518</v>
      </c>
      <c r="D24" s="366" t="s">
        <v>530</v>
      </c>
      <c r="E24" s="320">
        <v>10720</v>
      </c>
      <c r="F24" s="304">
        <v>5417</v>
      </c>
      <c r="G24" s="379">
        <v>5303</v>
      </c>
      <c r="H24" s="320">
        <v>10247</v>
      </c>
      <c r="I24" s="304">
        <v>5215</v>
      </c>
      <c r="J24" s="321">
        <v>5032</v>
      </c>
      <c r="K24" s="320">
        <v>10274</v>
      </c>
      <c r="L24" s="320">
        <v>5227</v>
      </c>
      <c r="M24" s="320">
        <v>5047</v>
      </c>
      <c r="N24" s="320">
        <v>27</v>
      </c>
      <c r="O24" s="320">
        <v>12</v>
      </c>
      <c r="P24" s="320">
        <v>15</v>
      </c>
      <c r="Q24" s="320">
        <v>473</v>
      </c>
      <c r="R24" s="304">
        <v>202</v>
      </c>
      <c r="S24" s="321">
        <v>271</v>
      </c>
      <c r="T24" s="320">
        <v>5703</v>
      </c>
      <c r="U24" s="304">
        <v>2917</v>
      </c>
      <c r="V24" s="379">
        <v>2786</v>
      </c>
      <c r="W24" s="320">
        <v>5230</v>
      </c>
      <c r="X24" s="304">
        <v>2715</v>
      </c>
      <c r="Y24" s="379">
        <v>2515</v>
      </c>
    </row>
    <row r="25" spans="1:25" ht="20.25" customHeight="1">
      <c r="A25" s="370"/>
      <c r="B25" s="377">
        <v>135759</v>
      </c>
      <c r="C25" s="380" t="s">
        <v>520</v>
      </c>
      <c r="D25" s="480"/>
      <c r="E25" s="320">
        <v>1097</v>
      </c>
      <c r="F25" s="304">
        <v>442</v>
      </c>
      <c r="G25" s="379">
        <v>655</v>
      </c>
      <c r="H25" s="320">
        <v>-22</v>
      </c>
      <c r="I25" s="304">
        <v>-15</v>
      </c>
      <c r="J25" s="321">
        <v>-7</v>
      </c>
      <c r="K25" s="320" t="s">
        <v>72</v>
      </c>
      <c r="L25" s="304" t="s">
        <v>72</v>
      </c>
      <c r="M25" s="321" t="s">
        <v>72</v>
      </c>
      <c r="N25" s="320">
        <v>22</v>
      </c>
      <c r="O25" s="320">
        <v>15</v>
      </c>
      <c r="P25" s="320">
        <v>7</v>
      </c>
      <c r="Q25" s="320">
        <v>1119</v>
      </c>
      <c r="R25" s="304">
        <v>457</v>
      </c>
      <c r="S25" s="321">
        <v>662</v>
      </c>
      <c r="T25" s="320">
        <v>3640</v>
      </c>
      <c r="U25" s="304">
        <v>1825</v>
      </c>
      <c r="V25" s="379">
        <v>1815</v>
      </c>
      <c r="W25" s="320">
        <v>2521</v>
      </c>
      <c r="X25" s="304">
        <v>1368</v>
      </c>
      <c r="Y25" s="379">
        <v>1153</v>
      </c>
    </row>
    <row r="26" spans="1:25" ht="20.25" customHeight="1">
      <c r="A26" s="1038" t="s">
        <v>461</v>
      </c>
      <c r="B26" s="377">
        <v>167907</v>
      </c>
      <c r="C26" s="380" t="s">
        <v>521</v>
      </c>
      <c r="D26" s="1040" t="s">
        <v>531</v>
      </c>
      <c r="E26" s="320">
        <v>2153</v>
      </c>
      <c r="F26" s="304">
        <v>960</v>
      </c>
      <c r="G26" s="379">
        <v>1193</v>
      </c>
      <c r="H26" s="320">
        <v>-55</v>
      </c>
      <c r="I26" s="304">
        <v>-35</v>
      </c>
      <c r="J26" s="321">
        <v>-20</v>
      </c>
      <c r="K26" s="320" t="s">
        <v>72</v>
      </c>
      <c r="L26" s="304" t="s">
        <v>72</v>
      </c>
      <c r="M26" s="321" t="s">
        <v>72</v>
      </c>
      <c r="N26" s="320">
        <v>55</v>
      </c>
      <c r="O26" s="320">
        <v>35</v>
      </c>
      <c r="P26" s="320">
        <v>20</v>
      </c>
      <c r="Q26" s="320">
        <v>2208</v>
      </c>
      <c r="R26" s="304">
        <v>995</v>
      </c>
      <c r="S26" s="321">
        <v>1213</v>
      </c>
      <c r="T26" s="320">
        <v>29315</v>
      </c>
      <c r="U26" s="304">
        <v>15396</v>
      </c>
      <c r="V26" s="379">
        <v>13919</v>
      </c>
      <c r="W26" s="320">
        <v>27107</v>
      </c>
      <c r="X26" s="304">
        <v>14401</v>
      </c>
      <c r="Y26" s="379">
        <v>12706</v>
      </c>
    </row>
    <row r="27" spans="1:25" ht="20.25" customHeight="1">
      <c r="A27" s="1038"/>
      <c r="B27" s="377">
        <v>173630</v>
      </c>
      <c r="C27" s="380" t="s">
        <v>523</v>
      </c>
      <c r="D27" s="1040"/>
      <c r="E27" s="320">
        <v>1196</v>
      </c>
      <c r="F27" s="304">
        <v>613</v>
      </c>
      <c r="G27" s="379">
        <v>583</v>
      </c>
      <c r="H27" s="320">
        <v>-105</v>
      </c>
      <c r="I27" s="304">
        <v>-70</v>
      </c>
      <c r="J27" s="321">
        <v>-35</v>
      </c>
      <c r="K27" s="320" t="s">
        <v>72</v>
      </c>
      <c r="L27" s="304" t="s">
        <v>72</v>
      </c>
      <c r="M27" s="321" t="s">
        <v>72</v>
      </c>
      <c r="N27" s="320">
        <v>105</v>
      </c>
      <c r="O27" s="320">
        <v>70</v>
      </c>
      <c r="P27" s="320">
        <v>35</v>
      </c>
      <c r="Q27" s="320">
        <v>1301</v>
      </c>
      <c r="R27" s="304">
        <v>683</v>
      </c>
      <c r="S27" s="321">
        <v>618</v>
      </c>
      <c r="T27" s="320">
        <v>17055</v>
      </c>
      <c r="U27" s="304">
        <v>9806</v>
      </c>
      <c r="V27" s="379">
        <v>7249</v>
      </c>
      <c r="W27" s="320">
        <v>15754</v>
      </c>
      <c r="X27" s="304">
        <v>9123</v>
      </c>
      <c r="Y27" s="379">
        <v>6631</v>
      </c>
    </row>
    <row r="28" spans="1:25" ht="20.25" customHeight="1">
      <c r="A28" s="1038"/>
      <c r="B28" s="355">
        <v>233696</v>
      </c>
      <c r="C28" s="381" t="s">
        <v>524</v>
      </c>
      <c r="D28" s="1040"/>
      <c r="E28" s="323">
        <v>370</v>
      </c>
      <c r="F28" s="307">
        <v>130</v>
      </c>
      <c r="G28" s="369">
        <v>240</v>
      </c>
      <c r="H28" s="307">
        <v>-290</v>
      </c>
      <c r="I28" s="307">
        <v>-188</v>
      </c>
      <c r="J28" s="324">
        <v>-102</v>
      </c>
      <c r="K28" s="307" t="s">
        <v>72</v>
      </c>
      <c r="L28" s="307" t="s">
        <v>72</v>
      </c>
      <c r="M28" s="324" t="s">
        <v>72</v>
      </c>
      <c r="N28" s="323">
        <v>290</v>
      </c>
      <c r="O28" s="323">
        <v>188</v>
      </c>
      <c r="P28" s="323">
        <v>102</v>
      </c>
      <c r="Q28" s="323">
        <v>660</v>
      </c>
      <c r="R28" s="307">
        <v>318</v>
      </c>
      <c r="S28" s="324">
        <v>342</v>
      </c>
      <c r="T28" s="323">
        <v>8250</v>
      </c>
      <c r="U28" s="307">
        <v>4922</v>
      </c>
      <c r="V28" s="369">
        <v>3328</v>
      </c>
      <c r="W28" s="323">
        <v>7590</v>
      </c>
      <c r="X28" s="307">
        <v>4604</v>
      </c>
      <c r="Y28" s="369">
        <v>2986</v>
      </c>
    </row>
    <row r="29" spans="1:25" ht="20.25" customHeight="1">
      <c r="A29" s="1038"/>
      <c r="B29" s="377">
        <v>230133</v>
      </c>
      <c r="C29" s="380" t="s">
        <v>525</v>
      </c>
      <c r="D29" s="1040"/>
      <c r="E29" s="320">
        <v>-127</v>
      </c>
      <c r="F29" s="304">
        <v>-231</v>
      </c>
      <c r="G29" s="379">
        <v>104</v>
      </c>
      <c r="H29" s="320">
        <v>-714</v>
      </c>
      <c r="I29" s="304">
        <v>-486</v>
      </c>
      <c r="J29" s="321">
        <v>-228</v>
      </c>
      <c r="K29" s="320" t="s">
        <v>72</v>
      </c>
      <c r="L29" s="304" t="s">
        <v>72</v>
      </c>
      <c r="M29" s="304" t="s">
        <v>72</v>
      </c>
      <c r="N29" s="320">
        <v>714</v>
      </c>
      <c r="O29" s="320">
        <v>486</v>
      </c>
      <c r="P29" s="320">
        <v>228</v>
      </c>
      <c r="Q29" s="320">
        <v>587</v>
      </c>
      <c r="R29" s="304">
        <v>255</v>
      </c>
      <c r="S29" s="321">
        <v>332</v>
      </c>
      <c r="T29" s="320">
        <v>5567</v>
      </c>
      <c r="U29" s="304">
        <v>3193</v>
      </c>
      <c r="V29" s="379">
        <v>2374</v>
      </c>
      <c r="W29" s="320">
        <v>4980</v>
      </c>
      <c r="X29" s="304">
        <v>2938</v>
      </c>
      <c r="Y29" s="379">
        <v>2042</v>
      </c>
    </row>
    <row r="30" spans="1:25" ht="20.25" customHeight="1">
      <c r="A30" s="1038"/>
      <c r="B30" s="377">
        <v>169174</v>
      </c>
      <c r="C30" s="380" t="s">
        <v>526</v>
      </c>
      <c r="D30" s="1040"/>
      <c r="E30" s="320">
        <v>-1168</v>
      </c>
      <c r="F30" s="304">
        <v>-873</v>
      </c>
      <c r="G30" s="379">
        <v>-295</v>
      </c>
      <c r="H30" s="320">
        <v>-1278</v>
      </c>
      <c r="I30" s="304">
        <v>-920</v>
      </c>
      <c r="J30" s="321">
        <v>-358</v>
      </c>
      <c r="K30" s="320" t="s">
        <v>72</v>
      </c>
      <c r="L30" s="304" t="s">
        <v>72</v>
      </c>
      <c r="M30" s="321" t="s">
        <v>72</v>
      </c>
      <c r="N30" s="320">
        <v>1278</v>
      </c>
      <c r="O30" s="320">
        <v>920</v>
      </c>
      <c r="P30" s="320">
        <v>358</v>
      </c>
      <c r="Q30" s="320">
        <v>110</v>
      </c>
      <c r="R30" s="304">
        <v>47</v>
      </c>
      <c r="S30" s="321">
        <v>63</v>
      </c>
      <c r="T30" s="320">
        <v>2687</v>
      </c>
      <c r="U30" s="304">
        <v>1537</v>
      </c>
      <c r="V30" s="379">
        <v>1150</v>
      </c>
      <c r="W30" s="320">
        <v>2577</v>
      </c>
      <c r="X30" s="304">
        <v>1490</v>
      </c>
      <c r="Y30" s="379">
        <v>1087</v>
      </c>
    </row>
    <row r="31" spans="1:25" ht="20.25" customHeight="1">
      <c r="A31" s="1038"/>
      <c r="B31" s="377">
        <v>196998</v>
      </c>
      <c r="C31" s="380" t="s">
        <v>527</v>
      </c>
      <c r="D31" s="1040"/>
      <c r="E31" s="320">
        <v>-3482</v>
      </c>
      <c r="F31" s="304">
        <v>-2345</v>
      </c>
      <c r="G31" s="379">
        <v>-1137</v>
      </c>
      <c r="H31" s="320">
        <v>-3602</v>
      </c>
      <c r="I31" s="304">
        <v>-2391</v>
      </c>
      <c r="J31" s="321">
        <v>-1211</v>
      </c>
      <c r="K31" s="320" t="s">
        <v>72</v>
      </c>
      <c r="L31" s="304" t="s">
        <v>72</v>
      </c>
      <c r="M31" s="321" t="s">
        <v>72</v>
      </c>
      <c r="N31" s="320">
        <v>3602</v>
      </c>
      <c r="O31" s="320">
        <v>2391</v>
      </c>
      <c r="P31" s="320">
        <v>1211</v>
      </c>
      <c r="Q31" s="320">
        <v>120</v>
      </c>
      <c r="R31" s="304">
        <v>46</v>
      </c>
      <c r="S31" s="321">
        <v>74</v>
      </c>
      <c r="T31" s="320">
        <v>1968</v>
      </c>
      <c r="U31" s="304">
        <v>941</v>
      </c>
      <c r="V31" s="379">
        <v>1027</v>
      </c>
      <c r="W31" s="320">
        <v>1848</v>
      </c>
      <c r="X31" s="304">
        <v>895</v>
      </c>
      <c r="Y31" s="379">
        <v>953</v>
      </c>
    </row>
    <row r="32" spans="1:25" ht="20.25" customHeight="1">
      <c r="A32" s="1038"/>
      <c r="B32" s="377">
        <v>104280</v>
      </c>
      <c r="C32" s="380" t="s">
        <v>528</v>
      </c>
      <c r="D32" s="1040"/>
      <c r="E32" s="320">
        <v>-5186</v>
      </c>
      <c r="F32" s="304">
        <v>-3021</v>
      </c>
      <c r="G32" s="379">
        <v>-2165</v>
      </c>
      <c r="H32" s="320">
        <v>-5555</v>
      </c>
      <c r="I32" s="304">
        <v>-3130</v>
      </c>
      <c r="J32" s="321">
        <v>-2425</v>
      </c>
      <c r="K32" s="320" t="s">
        <v>72</v>
      </c>
      <c r="L32" s="304" t="s">
        <v>72</v>
      </c>
      <c r="M32" s="321" t="s">
        <v>72</v>
      </c>
      <c r="N32" s="320">
        <v>5555</v>
      </c>
      <c r="O32" s="320">
        <v>3130</v>
      </c>
      <c r="P32" s="320">
        <v>2425</v>
      </c>
      <c r="Q32" s="320">
        <v>369</v>
      </c>
      <c r="R32" s="304">
        <v>109</v>
      </c>
      <c r="S32" s="321">
        <v>260</v>
      </c>
      <c r="T32" s="320">
        <v>1511</v>
      </c>
      <c r="U32" s="304">
        <v>499</v>
      </c>
      <c r="V32" s="379">
        <v>1012</v>
      </c>
      <c r="W32" s="320">
        <v>1142</v>
      </c>
      <c r="X32" s="304">
        <v>390</v>
      </c>
      <c r="Y32" s="379">
        <v>752</v>
      </c>
    </row>
    <row r="33" spans="1:25" ht="20.25" customHeight="1">
      <c r="A33" s="1038"/>
      <c r="B33" s="355">
        <v>20002</v>
      </c>
      <c r="C33" s="381" t="s">
        <v>529</v>
      </c>
      <c r="D33" s="1040"/>
      <c r="E33" s="323">
        <v>-3160</v>
      </c>
      <c r="F33" s="307">
        <v>-1138</v>
      </c>
      <c r="G33" s="369">
        <v>-2022</v>
      </c>
      <c r="H33" s="323">
        <v>-3340</v>
      </c>
      <c r="I33" s="307">
        <v>-1178</v>
      </c>
      <c r="J33" s="324">
        <v>-2162</v>
      </c>
      <c r="K33" s="323" t="s">
        <v>72</v>
      </c>
      <c r="L33" s="307" t="s">
        <v>72</v>
      </c>
      <c r="M33" s="324" t="s">
        <v>72</v>
      </c>
      <c r="N33" s="323">
        <v>3340</v>
      </c>
      <c r="O33" s="323">
        <v>1178</v>
      </c>
      <c r="P33" s="323">
        <v>2162</v>
      </c>
      <c r="Q33" s="323">
        <v>180</v>
      </c>
      <c r="R33" s="307">
        <v>40</v>
      </c>
      <c r="S33" s="324">
        <v>140</v>
      </c>
      <c r="T33" s="323">
        <v>476</v>
      </c>
      <c r="U33" s="307">
        <v>118</v>
      </c>
      <c r="V33" s="369">
        <v>358</v>
      </c>
      <c r="W33" s="323">
        <v>296</v>
      </c>
      <c r="X33" s="307">
        <v>78</v>
      </c>
      <c r="Y33" s="369">
        <v>218</v>
      </c>
    </row>
    <row r="34" spans="1:25" ht="20.25" customHeight="1" thickBot="1">
      <c r="A34" s="1039"/>
      <c r="B34" s="881">
        <v>654</v>
      </c>
      <c r="C34" s="247" t="s">
        <v>457</v>
      </c>
      <c r="D34" s="882"/>
      <c r="E34" s="883">
        <v>-283</v>
      </c>
      <c r="F34" s="884">
        <v>-39</v>
      </c>
      <c r="G34" s="885">
        <v>-244</v>
      </c>
      <c r="H34" s="884">
        <v>-283</v>
      </c>
      <c r="I34" s="884">
        <v>-40</v>
      </c>
      <c r="J34" s="886">
        <v>-243</v>
      </c>
      <c r="K34" s="883" t="s">
        <v>72</v>
      </c>
      <c r="L34" s="884" t="s">
        <v>72</v>
      </c>
      <c r="M34" s="884" t="s">
        <v>72</v>
      </c>
      <c r="N34" s="883">
        <v>283</v>
      </c>
      <c r="O34" s="883">
        <v>40</v>
      </c>
      <c r="P34" s="883">
        <v>243</v>
      </c>
      <c r="Q34" s="883">
        <v>0</v>
      </c>
      <c r="R34" s="884">
        <v>1</v>
      </c>
      <c r="S34" s="886">
        <v>-1</v>
      </c>
      <c r="T34" s="883">
        <v>10</v>
      </c>
      <c r="U34" s="884">
        <v>2</v>
      </c>
      <c r="V34" s="885">
        <v>8</v>
      </c>
      <c r="W34" s="883">
        <v>10</v>
      </c>
      <c r="X34" s="884">
        <v>1</v>
      </c>
      <c r="Y34" s="885">
        <v>9</v>
      </c>
    </row>
    <row r="35" spans="1:25" ht="20.25" customHeight="1" thickTop="1">
      <c r="A35" s="371"/>
      <c r="B35" s="481" t="s">
        <v>192</v>
      </c>
      <c r="C35" s="239"/>
      <c r="D35" s="477"/>
      <c r="E35" s="482" t="s">
        <v>192</v>
      </c>
      <c r="F35" s="482" t="s">
        <v>192</v>
      </c>
      <c r="G35" s="483" t="s">
        <v>192</v>
      </c>
      <c r="H35" s="484" t="s">
        <v>192</v>
      </c>
      <c r="I35" s="482" t="s">
        <v>192</v>
      </c>
      <c r="J35" s="483" t="s">
        <v>192</v>
      </c>
      <c r="K35" s="484" t="s">
        <v>192</v>
      </c>
      <c r="L35" s="482" t="s">
        <v>192</v>
      </c>
      <c r="M35" s="482" t="s">
        <v>192</v>
      </c>
      <c r="N35" s="484" t="s">
        <v>192</v>
      </c>
      <c r="O35" s="484" t="s">
        <v>192</v>
      </c>
      <c r="P35" s="484" t="s">
        <v>192</v>
      </c>
      <c r="Q35" s="482" t="s">
        <v>192</v>
      </c>
      <c r="R35" s="482" t="s">
        <v>192</v>
      </c>
      <c r="S35" s="483" t="s">
        <v>192</v>
      </c>
      <c r="T35" s="484" t="s">
        <v>192</v>
      </c>
      <c r="U35" s="482" t="s">
        <v>192</v>
      </c>
      <c r="V35" s="483" t="s">
        <v>192</v>
      </c>
      <c r="W35" s="484" t="s">
        <v>192</v>
      </c>
      <c r="X35" s="482" t="s">
        <v>192</v>
      </c>
      <c r="Y35" s="483" t="s">
        <v>192</v>
      </c>
    </row>
    <row r="36" spans="1:25" ht="20.25" customHeight="1">
      <c r="A36" s="371" t="s">
        <v>517</v>
      </c>
      <c r="B36" s="485">
        <v>3504</v>
      </c>
      <c r="C36" s="365" t="s">
        <v>194</v>
      </c>
      <c r="D36" s="371" t="s">
        <v>517</v>
      </c>
      <c r="E36" s="373">
        <v>1375</v>
      </c>
      <c r="F36" s="373">
        <v>1123</v>
      </c>
      <c r="G36" s="373">
        <v>252</v>
      </c>
      <c r="H36" s="373">
        <v>-2133</v>
      </c>
      <c r="I36" s="373">
        <v>-1125</v>
      </c>
      <c r="J36" s="373">
        <v>-1008</v>
      </c>
      <c r="K36" s="373">
        <v>-340</v>
      </c>
      <c r="L36" s="373">
        <v>-128</v>
      </c>
      <c r="M36" s="373">
        <v>-212</v>
      </c>
      <c r="N36" s="373">
        <v>1793</v>
      </c>
      <c r="O36" s="373">
        <v>997</v>
      </c>
      <c r="P36" s="373">
        <v>796</v>
      </c>
      <c r="Q36" s="373">
        <v>3508</v>
      </c>
      <c r="R36" s="373">
        <v>2248</v>
      </c>
      <c r="S36" s="373">
        <v>1260</v>
      </c>
      <c r="T36" s="373">
        <v>4806</v>
      </c>
      <c r="U36" s="373">
        <v>2770</v>
      </c>
      <c r="V36" s="373">
        <v>2036</v>
      </c>
      <c r="W36" s="373">
        <v>1298</v>
      </c>
      <c r="X36" s="373">
        <v>522</v>
      </c>
      <c r="Y36" s="373">
        <v>776</v>
      </c>
    </row>
    <row r="37" spans="1:25" ht="12.75" customHeight="1">
      <c r="A37" s="371" t="s">
        <v>532</v>
      </c>
      <c r="B37" s="382"/>
      <c r="C37" s="341"/>
      <c r="D37" s="368" t="s">
        <v>532</v>
      </c>
      <c r="E37" s="383"/>
      <c r="F37" s="383"/>
      <c r="G37" s="383"/>
      <c r="H37" s="383"/>
      <c r="I37" s="383"/>
      <c r="J37" s="383"/>
      <c r="K37" s="383"/>
      <c r="L37" s="383"/>
      <c r="M37" s="383"/>
      <c r="N37" s="383"/>
      <c r="O37" s="383"/>
      <c r="P37" s="383"/>
      <c r="Q37" s="383"/>
      <c r="R37" s="383"/>
      <c r="S37" s="383"/>
      <c r="T37" s="383"/>
      <c r="U37" s="383"/>
      <c r="V37" s="383"/>
      <c r="W37" s="383"/>
      <c r="X37" s="383"/>
      <c r="Y37" s="383"/>
    </row>
    <row r="38" spans="1:25" ht="20.25" customHeight="1">
      <c r="A38" s="371" t="s">
        <v>530</v>
      </c>
      <c r="B38" s="486">
        <v>-1773</v>
      </c>
      <c r="C38" s="378" t="s">
        <v>518</v>
      </c>
      <c r="D38" s="368" t="s">
        <v>530</v>
      </c>
      <c r="E38" s="373">
        <v>159</v>
      </c>
      <c r="F38" s="373">
        <v>149</v>
      </c>
      <c r="G38" s="373">
        <v>10</v>
      </c>
      <c r="H38" s="373">
        <v>-345</v>
      </c>
      <c r="I38" s="373">
        <v>-132</v>
      </c>
      <c r="J38" s="373">
        <v>-213</v>
      </c>
      <c r="K38" s="373">
        <v>-340</v>
      </c>
      <c r="L38" s="373">
        <v>-128</v>
      </c>
      <c r="M38" s="373">
        <v>-212</v>
      </c>
      <c r="N38" s="373">
        <v>5</v>
      </c>
      <c r="O38" s="373">
        <v>4</v>
      </c>
      <c r="P38" s="373">
        <v>1</v>
      </c>
      <c r="Q38" s="373">
        <v>504</v>
      </c>
      <c r="R38" s="373">
        <v>281</v>
      </c>
      <c r="S38" s="373">
        <v>223</v>
      </c>
      <c r="T38" s="373">
        <v>496</v>
      </c>
      <c r="U38" s="373">
        <v>249</v>
      </c>
      <c r="V38" s="373">
        <v>247</v>
      </c>
      <c r="W38" s="373">
        <v>-8</v>
      </c>
      <c r="X38" s="373">
        <v>-32</v>
      </c>
      <c r="Y38" s="373">
        <v>24</v>
      </c>
    </row>
    <row r="39" spans="1:25" ht="20.25" customHeight="1">
      <c r="A39" s="1038" t="s">
        <v>533</v>
      </c>
      <c r="B39" s="486">
        <v>-994</v>
      </c>
      <c r="C39" s="380" t="s">
        <v>520</v>
      </c>
      <c r="D39" s="1040" t="s">
        <v>534</v>
      </c>
      <c r="E39" s="373">
        <v>253</v>
      </c>
      <c r="F39" s="373">
        <v>178</v>
      </c>
      <c r="G39" s="373">
        <v>75</v>
      </c>
      <c r="H39" s="373">
        <v>1</v>
      </c>
      <c r="I39" s="373">
        <v>-1</v>
      </c>
      <c r="J39" s="373">
        <v>2</v>
      </c>
      <c r="K39" s="373" t="s">
        <v>72</v>
      </c>
      <c r="L39" s="373" t="s">
        <v>72</v>
      </c>
      <c r="M39" s="373" t="s">
        <v>72</v>
      </c>
      <c r="N39" s="373">
        <v>-1</v>
      </c>
      <c r="O39" s="373">
        <v>1</v>
      </c>
      <c r="P39" s="373">
        <v>-2</v>
      </c>
      <c r="Q39" s="373">
        <v>252</v>
      </c>
      <c r="R39" s="373">
        <v>179</v>
      </c>
      <c r="S39" s="373">
        <v>73</v>
      </c>
      <c r="T39" s="373">
        <v>332</v>
      </c>
      <c r="U39" s="373">
        <v>181</v>
      </c>
      <c r="V39" s="373">
        <v>151</v>
      </c>
      <c r="W39" s="373">
        <v>80</v>
      </c>
      <c r="X39" s="373">
        <v>2</v>
      </c>
      <c r="Y39" s="373">
        <v>78</v>
      </c>
    </row>
    <row r="40" spans="1:25" ht="20.25" customHeight="1">
      <c r="A40" s="1038"/>
      <c r="B40" s="486">
        <v>2706</v>
      </c>
      <c r="C40" s="380" t="s">
        <v>521</v>
      </c>
      <c r="D40" s="1040"/>
      <c r="E40" s="373">
        <v>1801</v>
      </c>
      <c r="F40" s="373">
        <v>1304</v>
      </c>
      <c r="G40" s="373">
        <v>497</v>
      </c>
      <c r="H40" s="373">
        <v>0</v>
      </c>
      <c r="I40" s="373">
        <v>1</v>
      </c>
      <c r="J40" s="373">
        <v>-1</v>
      </c>
      <c r="K40" s="373" t="s">
        <v>72</v>
      </c>
      <c r="L40" s="373" t="s">
        <v>72</v>
      </c>
      <c r="M40" s="373" t="s">
        <v>72</v>
      </c>
      <c r="N40" s="373">
        <v>0</v>
      </c>
      <c r="O40" s="373">
        <v>-1</v>
      </c>
      <c r="P40" s="373">
        <v>1</v>
      </c>
      <c r="Q40" s="373">
        <v>1801</v>
      </c>
      <c r="R40" s="373">
        <v>1303</v>
      </c>
      <c r="S40" s="373">
        <v>498</v>
      </c>
      <c r="T40" s="373">
        <v>2308</v>
      </c>
      <c r="U40" s="373">
        <v>1407</v>
      </c>
      <c r="V40" s="373">
        <v>901</v>
      </c>
      <c r="W40" s="373">
        <v>507</v>
      </c>
      <c r="X40" s="373">
        <v>104</v>
      </c>
      <c r="Y40" s="373">
        <v>403</v>
      </c>
    </row>
    <row r="41" spans="1:25" ht="20.25" customHeight="1">
      <c r="A41" s="1038"/>
      <c r="B41" s="486">
        <v>-502</v>
      </c>
      <c r="C41" s="380" t="s">
        <v>523</v>
      </c>
      <c r="D41" s="1040"/>
      <c r="E41" s="373">
        <v>1004</v>
      </c>
      <c r="F41" s="373">
        <v>533</v>
      </c>
      <c r="G41" s="373">
        <v>471</v>
      </c>
      <c r="H41" s="373">
        <v>32</v>
      </c>
      <c r="I41" s="373">
        <v>23</v>
      </c>
      <c r="J41" s="373">
        <v>9</v>
      </c>
      <c r="K41" s="373" t="s">
        <v>72</v>
      </c>
      <c r="L41" s="373" t="s">
        <v>72</v>
      </c>
      <c r="M41" s="373" t="s">
        <v>72</v>
      </c>
      <c r="N41" s="373">
        <v>-32</v>
      </c>
      <c r="O41" s="373">
        <v>-23</v>
      </c>
      <c r="P41" s="373">
        <v>-9</v>
      </c>
      <c r="Q41" s="373">
        <v>972</v>
      </c>
      <c r="R41" s="373">
        <v>510</v>
      </c>
      <c r="S41" s="373">
        <v>462</v>
      </c>
      <c r="T41" s="373">
        <v>1196</v>
      </c>
      <c r="U41" s="373">
        <v>646</v>
      </c>
      <c r="V41" s="373">
        <v>550</v>
      </c>
      <c r="W41" s="373">
        <v>224</v>
      </c>
      <c r="X41" s="373">
        <v>136</v>
      </c>
      <c r="Y41" s="373">
        <v>88</v>
      </c>
    </row>
    <row r="42" spans="1:25" ht="20.25" customHeight="1">
      <c r="A42" s="1038"/>
      <c r="B42" s="486">
        <v>-7847</v>
      </c>
      <c r="C42" s="381" t="s">
        <v>524</v>
      </c>
      <c r="D42" s="1040"/>
      <c r="E42" s="383">
        <v>189</v>
      </c>
      <c r="F42" s="383">
        <v>146</v>
      </c>
      <c r="G42" s="383">
        <v>43</v>
      </c>
      <c r="H42" s="383">
        <v>-14</v>
      </c>
      <c r="I42" s="383">
        <v>-1</v>
      </c>
      <c r="J42" s="383">
        <v>-13</v>
      </c>
      <c r="K42" s="383" t="s">
        <v>72</v>
      </c>
      <c r="L42" s="383" t="s">
        <v>72</v>
      </c>
      <c r="M42" s="383" t="s">
        <v>72</v>
      </c>
      <c r="N42" s="383">
        <v>14</v>
      </c>
      <c r="O42" s="383">
        <v>1</v>
      </c>
      <c r="P42" s="383">
        <v>13</v>
      </c>
      <c r="Q42" s="383">
        <v>203</v>
      </c>
      <c r="R42" s="383">
        <v>147</v>
      </c>
      <c r="S42" s="383">
        <v>56</v>
      </c>
      <c r="T42" s="383">
        <v>172</v>
      </c>
      <c r="U42" s="383">
        <v>121</v>
      </c>
      <c r="V42" s="383">
        <v>51</v>
      </c>
      <c r="W42" s="383">
        <v>-31</v>
      </c>
      <c r="X42" s="383">
        <v>-26</v>
      </c>
      <c r="Y42" s="383">
        <v>-5</v>
      </c>
    </row>
    <row r="43" spans="1:25" ht="20.25" customHeight="1">
      <c r="A43" s="1038"/>
      <c r="B43" s="487">
        <v>8412</v>
      </c>
      <c r="C43" s="380" t="s">
        <v>525</v>
      </c>
      <c r="D43" s="1040"/>
      <c r="E43" s="373">
        <v>-369</v>
      </c>
      <c r="F43" s="373">
        <v>-226</v>
      </c>
      <c r="G43" s="373">
        <v>-143</v>
      </c>
      <c r="H43" s="373">
        <v>-61</v>
      </c>
      <c r="I43" s="373">
        <v>-57</v>
      </c>
      <c r="J43" s="373">
        <v>-4</v>
      </c>
      <c r="K43" s="373" t="s">
        <v>72</v>
      </c>
      <c r="L43" s="373" t="s">
        <v>72</v>
      </c>
      <c r="M43" s="373" t="s">
        <v>72</v>
      </c>
      <c r="N43" s="373">
        <v>61</v>
      </c>
      <c r="O43" s="373">
        <v>57</v>
      </c>
      <c r="P43" s="373">
        <v>4</v>
      </c>
      <c r="Q43" s="373">
        <v>-308</v>
      </c>
      <c r="R43" s="373">
        <v>-169</v>
      </c>
      <c r="S43" s="373">
        <v>-139</v>
      </c>
      <c r="T43" s="373">
        <v>-11</v>
      </c>
      <c r="U43" s="373">
        <v>-33</v>
      </c>
      <c r="V43" s="373">
        <v>22</v>
      </c>
      <c r="W43" s="373">
        <v>297</v>
      </c>
      <c r="X43" s="373">
        <v>136</v>
      </c>
      <c r="Y43" s="373">
        <v>161</v>
      </c>
    </row>
    <row r="44" spans="1:25" ht="20.25" customHeight="1">
      <c r="A44" s="1038"/>
      <c r="B44" s="486">
        <v>-1695</v>
      </c>
      <c r="C44" s="380" t="s">
        <v>526</v>
      </c>
      <c r="D44" s="1040"/>
      <c r="E44" s="373">
        <v>-34</v>
      </c>
      <c r="F44" s="373">
        <v>-74</v>
      </c>
      <c r="G44" s="373">
        <v>40</v>
      </c>
      <c r="H44" s="373">
        <v>21</v>
      </c>
      <c r="I44" s="373">
        <v>41</v>
      </c>
      <c r="J44" s="373">
        <v>-20</v>
      </c>
      <c r="K44" s="373" t="s">
        <v>72</v>
      </c>
      <c r="L44" s="373" t="s">
        <v>72</v>
      </c>
      <c r="M44" s="373" t="s">
        <v>72</v>
      </c>
      <c r="N44" s="373">
        <v>-21</v>
      </c>
      <c r="O44" s="373">
        <v>-41</v>
      </c>
      <c r="P44" s="373">
        <v>20</v>
      </c>
      <c r="Q44" s="373">
        <v>-55</v>
      </c>
      <c r="R44" s="373">
        <v>-115</v>
      </c>
      <c r="S44" s="373">
        <v>60</v>
      </c>
      <c r="T44" s="373">
        <v>53</v>
      </c>
      <c r="U44" s="373">
        <v>2</v>
      </c>
      <c r="V44" s="373">
        <v>51</v>
      </c>
      <c r="W44" s="373">
        <v>108</v>
      </c>
      <c r="X44" s="373">
        <v>117</v>
      </c>
      <c r="Y44" s="373">
        <v>-9</v>
      </c>
    </row>
    <row r="45" spans="1:25" ht="20.25" customHeight="1">
      <c r="A45" s="1038"/>
      <c r="B45" s="486">
        <v>-2197</v>
      </c>
      <c r="C45" s="380" t="s">
        <v>527</v>
      </c>
      <c r="D45" s="1040"/>
      <c r="E45" s="373">
        <v>-130</v>
      </c>
      <c r="F45" s="373">
        <v>-54</v>
      </c>
      <c r="G45" s="373">
        <v>-76</v>
      </c>
      <c r="H45" s="373">
        <v>-194</v>
      </c>
      <c r="I45" s="373">
        <v>-109</v>
      </c>
      <c r="J45" s="373">
        <v>-85</v>
      </c>
      <c r="K45" s="373" t="s">
        <v>72</v>
      </c>
      <c r="L45" s="373" t="s">
        <v>72</v>
      </c>
      <c r="M45" s="373" t="s">
        <v>72</v>
      </c>
      <c r="N45" s="373">
        <v>194</v>
      </c>
      <c r="O45" s="373">
        <v>109</v>
      </c>
      <c r="P45" s="373">
        <v>85</v>
      </c>
      <c r="Q45" s="373">
        <v>64</v>
      </c>
      <c r="R45" s="373">
        <v>55</v>
      </c>
      <c r="S45" s="373">
        <v>9</v>
      </c>
      <c r="T45" s="373">
        <v>96</v>
      </c>
      <c r="U45" s="373">
        <v>98</v>
      </c>
      <c r="V45" s="373">
        <v>-2</v>
      </c>
      <c r="W45" s="373">
        <v>32</v>
      </c>
      <c r="X45" s="373">
        <v>43</v>
      </c>
      <c r="Y45" s="373">
        <v>-11</v>
      </c>
    </row>
    <row r="46" spans="1:25" ht="20.25" customHeight="1">
      <c r="A46" s="1038"/>
      <c r="B46" s="486">
        <v>5900</v>
      </c>
      <c r="C46" s="380" t="s">
        <v>528</v>
      </c>
      <c r="D46" s="1040"/>
      <c r="E46" s="373">
        <v>-914</v>
      </c>
      <c r="F46" s="373">
        <v>-588</v>
      </c>
      <c r="G46" s="373">
        <v>-326</v>
      </c>
      <c r="H46" s="373">
        <v>-1000</v>
      </c>
      <c r="I46" s="373">
        <v>-640</v>
      </c>
      <c r="J46" s="373">
        <v>-360</v>
      </c>
      <c r="K46" s="373" t="s">
        <v>72</v>
      </c>
      <c r="L46" s="373" t="s">
        <v>72</v>
      </c>
      <c r="M46" s="373" t="s">
        <v>72</v>
      </c>
      <c r="N46" s="373">
        <v>1000</v>
      </c>
      <c r="O46" s="373">
        <v>640</v>
      </c>
      <c r="P46" s="373">
        <v>360</v>
      </c>
      <c r="Q46" s="373">
        <v>86</v>
      </c>
      <c r="R46" s="373">
        <v>52</v>
      </c>
      <c r="S46" s="373">
        <v>34</v>
      </c>
      <c r="T46" s="373">
        <v>142</v>
      </c>
      <c r="U46" s="373">
        <v>78</v>
      </c>
      <c r="V46" s="373">
        <v>64</v>
      </c>
      <c r="W46" s="373">
        <v>56</v>
      </c>
      <c r="X46" s="373">
        <v>26</v>
      </c>
      <c r="Y46" s="373">
        <v>30</v>
      </c>
    </row>
    <row r="47" spans="1:25" ht="20.25" customHeight="1">
      <c r="A47" s="1038"/>
      <c r="B47" s="488">
        <v>1430</v>
      </c>
      <c r="C47" s="381" t="s">
        <v>529</v>
      </c>
      <c r="D47" s="1040"/>
      <c r="E47" s="383">
        <v>-540</v>
      </c>
      <c r="F47" s="383">
        <v>-236</v>
      </c>
      <c r="G47" s="383">
        <v>-304</v>
      </c>
      <c r="H47" s="383">
        <v>-520</v>
      </c>
      <c r="I47" s="383">
        <v>-239</v>
      </c>
      <c r="J47" s="383">
        <v>-281</v>
      </c>
      <c r="K47" s="383" t="s">
        <v>72</v>
      </c>
      <c r="L47" s="383" t="s">
        <v>72</v>
      </c>
      <c r="M47" s="383" t="s">
        <v>72</v>
      </c>
      <c r="N47" s="383">
        <v>520</v>
      </c>
      <c r="O47" s="383">
        <v>239</v>
      </c>
      <c r="P47" s="383">
        <v>281</v>
      </c>
      <c r="Q47" s="383">
        <v>-20</v>
      </c>
      <c r="R47" s="383">
        <v>3</v>
      </c>
      <c r="S47" s="383">
        <v>-23</v>
      </c>
      <c r="T47" s="383">
        <v>14</v>
      </c>
      <c r="U47" s="383">
        <v>20</v>
      </c>
      <c r="V47" s="383">
        <v>-6</v>
      </c>
      <c r="W47" s="383">
        <v>34</v>
      </c>
      <c r="X47" s="383">
        <v>17</v>
      </c>
      <c r="Y47" s="383">
        <v>17</v>
      </c>
    </row>
    <row r="48" spans="1:25" ht="20.25" customHeight="1" thickBot="1">
      <c r="A48" s="1041"/>
      <c r="B48" s="889">
        <v>65</v>
      </c>
      <c r="C48" s="247" t="s">
        <v>457</v>
      </c>
      <c r="D48" s="1042"/>
      <c r="E48" s="888">
        <v>-44</v>
      </c>
      <c r="F48" s="888">
        <v>-9</v>
      </c>
      <c r="G48" s="888">
        <v>-35</v>
      </c>
      <c r="H48" s="888">
        <v>-53</v>
      </c>
      <c r="I48" s="888">
        <v>-11</v>
      </c>
      <c r="J48" s="888">
        <v>-42</v>
      </c>
      <c r="K48" s="888" t="s">
        <v>72</v>
      </c>
      <c r="L48" s="888" t="s">
        <v>72</v>
      </c>
      <c r="M48" s="888" t="s">
        <v>72</v>
      </c>
      <c r="N48" s="888">
        <v>53</v>
      </c>
      <c r="O48" s="888">
        <v>11</v>
      </c>
      <c r="P48" s="888">
        <v>42</v>
      </c>
      <c r="Q48" s="888">
        <v>9</v>
      </c>
      <c r="R48" s="888">
        <v>2</v>
      </c>
      <c r="S48" s="888">
        <v>7</v>
      </c>
      <c r="T48" s="888">
        <v>8</v>
      </c>
      <c r="U48" s="888">
        <v>1</v>
      </c>
      <c r="V48" s="888">
        <v>7</v>
      </c>
      <c r="W48" s="888">
        <v>-1</v>
      </c>
      <c r="X48" s="888">
        <v>-1</v>
      </c>
      <c r="Y48" s="888">
        <v>0</v>
      </c>
    </row>
    <row r="49" spans="1:25" ht="9.75" customHeight="1" thickTop="1">
      <c r="A49" s="384"/>
      <c r="B49" s="386"/>
      <c r="C49" s="386"/>
      <c r="D49" s="386"/>
      <c r="E49" s="386"/>
      <c r="F49" s="386"/>
      <c r="G49" s="386"/>
      <c r="H49" s="386"/>
      <c r="I49" s="386"/>
      <c r="O49" s="493"/>
    </row>
    <row r="50" spans="1:25" ht="16.5" customHeight="1">
      <c r="A50" s="489" t="s">
        <v>463</v>
      </c>
      <c r="C50" s="490"/>
      <c r="D50" s="490"/>
      <c r="E50" s="490"/>
      <c r="F50" s="490"/>
      <c r="G50" s="490"/>
      <c r="H50" s="490"/>
      <c r="I50" s="490"/>
      <c r="J50" s="490"/>
      <c r="K50" s="491"/>
      <c r="L50" s="353"/>
      <c r="M50" s="353"/>
      <c r="N50" s="353"/>
      <c r="O50" s="353"/>
      <c r="P50" s="353"/>
      <c r="Q50" s="353"/>
      <c r="R50" s="353"/>
      <c r="S50" s="353"/>
      <c r="T50" s="353"/>
      <c r="U50" s="353"/>
      <c r="V50" s="353"/>
      <c r="W50" s="353"/>
      <c r="X50" s="353"/>
      <c r="Y50" s="353"/>
    </row>
    <row r="51" spans="1:25" ht="16.5" customHeight="1">
      <c r="A51" s="489" t="s">
        <v>464</v>
      </c>
      <c r="C51" s="492"/>
      <c r="D51" s="492"/>
      <c r="E51" s="492"/>
      <c r="F51" s="492"/>
      <c r="G51" s="492"/>
      <c r="H51" s="492"/>
      <c r="I51" s="492"/>
      <c r="J51" s="492"/>
      <c r="K51" s="492"/>
      <c r="L51" s="353"/>
      <c r="M51" s="353"/>
      <c r="N51" s="353"/>
      <c r="O51" s="353"/>
      <c r="P51" s="353"/>
      <c r="Q51" s="353"/>
      <c r="R51" s="353"/>
      <c r="S51" s="353"/>
      <c r="T51" s="353"/>
      <c r="U51" s="353"/>
      <c r="V51" s="353"/>
      <c r="W51" s="353"/>
      <c r="X51" s="353"/>
      <c r="Y51" s="353"/>
    </row>
    <row r="52" spans="1:25" ht="16.5" customHeight="1">
      <c r="A52" s="489" t="s">
        <v>465</v>
      </c>
      <c r="C52" s="353"/>
      <c r="D52" s="353"/>
      <c r="E52" s="353"/>
      <c r="F52" s="353"/>
      <c r="G52" s="353"/>
      <c r="H52" s="353"/>
      <c r="I52" s="353"/>
      <c r="J52" s="353"/>
      <c r="K52" s="353"/>
      <c r="L52" s="353"/>
      <c r="M52" s="353"/>
      <c r="N52" s="353"/>
      <c r="O52" s="353"/>
      <c r="P52" s="353"/>
      <c r="Q52" s="353"/>
      <c r="R52" s="353"/>
      <c r="S52" s="353"/>
      <c r="T52" s="353"/>
      <c r="U52" s="353"/>
      <c r="V52" s="353"/>
      <c r="W52" s="353"/>
      <c r="X52" s="353"/>
      <c r="Y52" s="353"/>
    </row>
    <row r="57" spans="1:25">
      <c r="B57" s="386"/>
    </row>
  </sheetData>
  <mergeCells count="21">
    <mergeCell ref="A4:B4"/>
    <mergeCell ref="E4:G4"/>
    <mergeCell ref="H4:J4"/>
    <mergeCell ref="K4:M4"/>
    <mergeCell ref="N4:P4"/>
    <mergeCell ref="T4:V4"/>
    <mergeCell ref="W4:Y4"/>
    <mergeCell ref="E5:G5"/>
    <mergeCell ref="H5:J5"/>
    <mergeCell ref="K5:M5"/>
    <mergeCell ref="N5:P5"/>
    <mergeCell ref="Q5:S5"/>
    <mergeCell ref="T5:V5"/>
    <mergeCell ref="W5:Y5"/>
    <mergeCell ref="Q4:S4"/>
    <mergeCell ref="A12:A20"/>
    <mergeCell ref="D12:D19"/>
    <mergeCell ref="A26:A34"/>
    <mergeCell ref="D26:D33"/>
    <mergeCell ref="A39:A48"/>
    <mergeCell ref="D39:D48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80" orientation="landscape" blackAndWhite="1" r:id="rId1"/>
  <headerFooter scaleWithDoc="0"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57"/>
  <sheetViews>
    <sheetView view="pageBreakPreview" zoomScale="80" zoomScaleNormal="80" zoomScaleSheetLayoutView="80" workbookViewId="0"/>
  </sheetViews>
  <sheetFormatPr defaultRowHeight="13.5"/>
  <cols>
    <col min="1" max="1" width="5.625" style="151" customWidth="1"/>
    <col min="2" max="2" width="15" style="151" customWidth="1"/>
    <col min="3" max="3" width="12.5" style="151" customWidth="1"/>
    <col min="4" max="4" width="5.625" style="151" customWidth="1"/>
    <col min="5" max="25" width="10" style="151" customWidth="1"/>
    <col min="26" max="16384" width="9" style="151"/>
  </cols>
  <sheetData>
    <row r="1" spans="1:25" ht="21" customHeight="1" thickBot="1">
      <c r="A1" s="658" t="s">
        <v>539</v>
      </c>
      <c r="C1" s="329"/>
      <c r="D1" s="329"/>
      <c r="E1" s="329"/>
      <c r="F1" s="329"/>
      <c r="G1" s="329"/>
      <c r="R1" s="329"/>
      <c r="T1" s="329"/>
      <c r="U1" s="329"/>
      <c r="X1" s="330"/>
      <c r="Y1" s="463" t="s">
        <v>630</v>
      </c>
    </row>
    <row r="2" spans="1:25" ht="20.25" customHeight="1" thickTop="1">
      <c r="A2" s="356"/>
      <c r="B2" s="357"/>
      <c r="C2" s="464"/>
      <c r="D2" s="331"/>
      <c r="E2" s="331"/>
      <c r="F2" s="331"/>
      <c r="G2" s="331"/>
      <c r="H2" s="331"/>
      <c r="I2" s="331"/>
      <c r="J2" s="331"/>
      <c r="K2" s="331"/>
      <c r="L2" s="331"/>
      <c r="M2" s="331"/>
      <c r="N2" s="331"/>
      <c r="O2" s="331"/>
      <c r="P2" s="331"/>
      <c r="Q2" s="331"/>
      <c r="R2" s="331"/>
      <c r="S2" s="331"/>
      <c r="T2" s="331"/>
      <c r="U2" s="331"/>
      <c r="V2" s="331"/>
      <c r="W2" s="331"/>
      <c r="X2" s="331"/>
      <c r="Y2" s="331"/>
    </row>
    <row r="3" spans="1:25" ht="20.25" customHeight="1">
      <c r="A3" s="358"/>
      <c r="B3" s="359"/>
      <c r="C3" s="332"/>
      <c r="D3" s="360"/>
      <c r="E3" s="465"/>
      <c r="F3" s="333"/>
      <c r="G3" s="334"/>
      <c r="H3" s="466"/>
      <c r="I3" s="467"/>
      <c r="J3" s="335"/>
      <c r="K3" s="335"/>
      <c r="L3" s="335"/>
      <c r="M3" s="335"/>
      <c r="N3" s="335"/>
      <c r="O3" s="335"/>
      <c r="P3" s="335"/>
      <c r="Q3" s="466"/>
      <c r="R3" s="467"/>
      <c r="S3" s="335"/>
      <c r="T3" s="335"/>
      <c r="U3" s="335"/>
      <c r="V3" s="335"/>
      <c r="W3" s="335"/>
      <c r="X3" s="335"/>
      <c r="Y3" s="335"/>
    </row>
    <row r="4" spans="1:25" ht="20.25" customHeight="1">
      <c r="A4" s="1043" t="s">
        <v>420</v>
      </c>
      <c r="B4" s="1044"/>
      <c r="C4" s="468" t="s">
        <v>253</v>
      </c>
      <c r="D4" s="366"/>
      <c r="E4" s="1034" t="s">
        <v>490</v>
      </c>
      <c r="F4" s="1034"/>
      <c r="G4" s="1035"/>
      <c r="H4" s="1033" t="s">
        <v>422</v>
      </c>
      <c r="I4" s="1034"/>
      <c r="J4" s="1035"/>
      <c r="K4" s="1027" t="s">
        <v>423</v>
      </c>
      <c r="L4" s="1028"/>
      <c r="M4" s="1029"/>
      <c r="N4" s="1027" t="s">
        <v>491</v>
      </c>
      <c r="O4" s="1028"/>
      <c r="P4" s="1028"/>
      <c r="Q4" s="1033" t="s">
        <v>425</v>
      </c>
      <c r="R4" s="1034"/>
      <c r="S4" s="1035"/>
      <c r="T4" s="1027" t="s">
        <v>426</v>
      </c>
      <c r="U4" s="1028"/>
      <c r="V4" s="1028"/>
      <c r="W4" s="1027" t="s">
        <v>427</v>
      </c>
      <c r="X4" s="1028"/>
      <c r="Y4" s="1028"/>
    </row>
    <row r="5" spans="1:25" ht="20.25" customHeight="1">
      <c r="A5" s="358"/>
      <c r="B5" s="359"/>
      <c r="C5" s="347"/>
      <c r="D5" s="469"/>
      <c r="E5" s="1031" t="s">
        <v>492</v>
      </c>
      <c r="F5" s="1031"/>
      <c r="G5" s="1032"/>
      <c r="H5" s="1030" t="s">
        <v>493</v>
      </c>
      <c r="I5" s="1031"/>
      <c r="J5" s="1032"/>
      <c r="K5" s="1030" t="s">
        <v>494</v>
      </c>
      <c r="L5" s="1031"/>
      <c r="M5" s="1032"/>
      <c r="N5" s="1030" t="s">
        <v>495</v>
      </c>
      <c r="O5" s="1031"/>
      <c r="P5" s="1031"/>
      <c r="Q5" s="1030" t="s">
        <v>496</v>
      </c>
      <c r="R5" s="1031"/>
      <c r="S5" s="1032"/>
      <c r="T5" s="1030" t="s">
        <v>433</v>
      </c>
      <c r="U5" s="1031"/>
      <c r="V5" s="1031"/>
      <c r="W5" s="1030" t="s">
        <v>434</v>
      </c>
      <c r="X5" s="1031"/>
      <c r="Y5" s="1031"/>
    </row>
    <row r="6" spans="1:25" ht="20.25" customHeight="1">
      <c r="A6" s="361"/>
      <c r="B6" s="362"/>
      <c r="C6" s="470"/>
      <c r="D6" s="471"/>
      <c r="E6" s="472" t="s">
        <v>497</v>
      </c>
      <c r="F6" s="472" t="s">
        <v>498</v>
      </c>
      <c r="G6" s="473" t="s">
        <v>499</v>
      </c>
      <c r="H6" s="474" t="s">
        <v>497</v>
      </c>
      <c r="I6" s="472" t="s">
        <v>498</v>
      </c>
      <c r="J6" s="473" t="s">
        <v>499</v>
      </c>
      <c r="K6" s="474" t="s">
        <v>500</v>
      </c>
      <c r="L6" s="472" t="s">
        <v>498</v>
      </c>
      <c r="M6" s="472" t="s">
        <v>499</v>
      </c>
      <c r="N6" s="475" t="s">
        <v>500</v>
      </c>
      <c r="O6" s="475" t="s">
        <v>502</v>
      </c>
      <c r="P6" s="475" t="s">
        <v>499</v>
      </c>
      <c r="Q6" s="472" t="s">
        <v>497</v>
      </c>
      <c r="R6" s="472" t="s">
        <v>498</v>
      </c>
      <c r="S6" s="473" t="s">
        <v>499</v>
      </c>
      <c r="T6" s="474" t="s">
        <v>497</v>
      </c>
      <c r="U6" s="475" t="s">
        <v>498</v>
      </c>
      <c r="V6" s="475" t="s">
        <v>499</v>
      </c>
      <c r="W6" s="475" t="s">
        <v>497</v>
      </c>
      <c r="X6" s="475" t="s">
        <v>498</v>
      </c>
      <c r="Y6" s="475" t="s">
        <v>499</v>
      </c>
    </row>
    <row r="7" spans="1:25" ht="20.25" customHeight="1">
      <c r="A7" s="363"/>
      <c r="B7" s="476" t="s">
        <v>192</v>
      </c>
      <c r="C7" s="239"/>
      <c r="D7" s="477"/>
      <c r="E7" s="478" t="s">
        <v>192</v>
      </c>
      <c r="F7" s="105" t="s">
        <v>192</v>
      </c>
      <c r="G7" s="86" t="s">
        <v>192</v>
      </c>
      <c r="H7" s="106" t="s">
        <v>192</v>
      </c>
      <c r="I7" s="105" t="s">
        <v>192</v>
      </c>
      <c r="J7" s="86" t="s">
        <v>192</v>
      </c>
      <c r="K7" s="106" t="s">
        <v>192</v>
      </c>
      <c r="L7" s="105" t="s">
        <v>192</v>
      </c>
      <c r="M7" s="105" t="s">
        <v>192</v>
      </c>
      <c r="N7" s="479" t="s">
        <v>192</v>
      </c>
      <c r="O7" s="479" t="s">
        <v>192</v>
      </c>
      <c r="P7" s="479" t="s">
        <v>192</v>
      </c>
      <c r="Q7" s="478" t="s">
        <v>192</v>
      </c>
      <c r="R7" s="105" t="s">
        <v>192</v>
      </c>
      <c r="S7" s="86" t="s">
        <v>192</v>
      </c>
      <c r="T7" s="479" t="s">
        <v>192</v>
      </c>
      <c r="U7" s="479" t="s">
        <v>192</v>
      </c>
      <c r="V7" s="479" t="s">
        <v>192</v>
      </c>
      <c r="W7" s="479" t="s">
        <v>192</v>
      </c>
      <c r="X7" s="479" t="s">
        <v>192</v>
      </c>
      <c r="Y7" s="479" t="s">
        <v>192</v>
      </c>
    </row>
    <row r="8" spans="1:25" ht="20.25" customHeight="1">
      <c r="A8" s="364"/>
      <c r="B8" s="372">
        <v>1315618</v>
      </c>
      <c r="C8" s="365" t="s">
        <v>194</v>
      </c>
      <c r="D8" s="366"/>
      <c r="E8" s="373">
        <v>1982</v>
      </c>
      <c r="F8" s="374">
        <v>652</v>
      </c>
      <c r="G8" s="375">
        <v>1330</v>
      </c>
      <c r="H8" s="373">
        <v>-6436</v>
      </c>
      <c r="I8" s="374">
        <v>-3517</v>
      </c>
      <c r="J8" s="376">
        <v>-2919</v>
      </c>
      <c r="K8" s="373">
        <v>7880</v>
      </c>
      <c r="L8" s="374">
        <v>3974</v>
      </c>
      <c r="M8" s="376">
        <v>3906</v>
      </c>
      <c r="N8" s="375">
        <v>14316</v>
      </c>
      <c r="O8" s="373">
        <v>7491</v>
      </c>
      <c r="P8" s="373">
        <v>6825</v>
      </c>
      <c r="Q8" s="373">
        <v>8418</v>
      </c>
      <c r="R8" s="374">
        <v>4169</v>
      </c>
      <c r="S8" s="376">
        <v>4249</v>
      </c>
      <c r="T8" s="375">
        <v>57618</v>
      </c>
      <c r="U8" s="373">
        <v>30847</v>
      </c>
      <c r="V8" s="373">
        <v>26771</v>
      </c>
      <c r="W8" s="373">
        <v>49200</v>
      </c>
      <c r="X8" s="373">
        <v>26678</v>
      </c>
      <c r="Y8" s="373">
        <v>22522</v>
      </c>
    </row>
    <row r="9" spans="1:25" ht="12.75" customHeight="1">
      <c r="A9" s="367"/>
      <c r="B9" s="385"/>
      <c r="C9" s="341"/>
      <c r="D9" s="368"/>
      <c r="E9" s="323"/>
      <c r="F9" s="307"/>
      <c r="G9" s="369"/>
      <c r="H9" s="323"/>
      <c r="I9" s="307"/>
      <c r="J9" s="324"/>
      <c r="K9" s="323"/>
      <c r="L9" s="307"/>
      <c r="M9" s="324"/>
      <c r="N9" s="369"/>
      <c r="O9" s="323"/>
      <c r="P9" s="307"/>
      <c r="Q9" s="323"/>
      <c r="R9" s="307"/>
      <c r="S9" s="324"/>
      <c r="T9" s="369"/>
      <c r="U9" s="307"/>
      <c r="V9" s="369"/>
      <c r="W9" s="323"/>
      <c r="X9" s="307"/>
      <c r="Y9" s="369"/>
    </row>
    <row r="10" spans="1:25" ht="20.25" customHeight="1">
      <c r="A10" s="364" t="s">
        <v>517</v>
      </c>
      <c r="B10" s="377">
        <v>97407</v>
      </c>
      <c r="C10" s="378" t="s">
        <v>518</v>
      </c>
      <c r="D10" s="366" t="s">
        <v>519</v>
      </c>
      <c r="E10" s="320">
        <v>9345</v>
      </c>
      <c r="F10" s="304">
        <v>4709</v>
      </c>
      <c r="G10" s="379">
        <v>4636</v>
      </c>
      <c r="H10" s="320">
        <v>7853</v>
      </c>
      <c r="I10" s="304">
        <v>3960</v>
      </c>
      <c r="J10" s="321">
        <v>3893</v>
      </c>
      <c r="K10" s="320">
        <v>7880</v>
      </c>
      <c r="L10" s="304">
        <v>3974</v>
      </c>
      <c r="M10" s="304">
        <v>3906</v>
      </c>
      <c r="N10" s="320">
        <v>27</v>
      </c>
      <c r="O10" s="320">
        <v>14</v>
      </c>
      <c r="P10" s="320">
        <v>13</v>
      </c>
      <c r="Q10" s="320">
        <v>1492</v>
      </c>
      <c r="R10" s="304">
        <v>749</v>
      </c>
      <c r="S10" s="321">
        <v>743</v>
      </c>
      <c r="T10" s="320">
        <v>5188</v>
      </c>
      <c r="U10" s="304">
        <v>2664</v>
      </c>
      <c r="V10" s="379">
        <v>2524</v>
      </c>
      <c r="W10" s="320">
        <v>3696</v>
      </c>
      <c r="X10" s="304">
        <v>1915</v>
      </c>
      <c r="Y10" s="379">
        <v>1781</v>
      </c>
    </row>
    <row r="11" spans="1:25" ht="20.25" customHeight="1">
      <c r="A11" s="370"/>
      <c r="B11" s="377">
        <v>117284</v>
      </c>
      <c r="C11" s="380" t="s">
        <v>520</v>
      </c>
      <c r="D11" s="480"/>
      <c r="E11" s="320">
        <v>1007</v>
      </c>
      <c r="F11" s="304">
        <v>620</v>
      </c>
      <c r="G11" s="379">
        <v>387</v>
      </c>
      <c r="H11" s="320">
        <v>-15</v>
      </c>
      <c r="I11" s="304">
        <v>-10</v>
      </c>
      <c r="J11" s="321">
        <v>-5</v>
      </c>
      <c r="K11" s="320" t="s">
        <v>72</v>
      </c>
      <c r="L11" s="304" t="s">
        <v>72</v>
      </c>
      <c r="M11" s="321" t="s">
        <v>72</v>
      </c>
      <c r="N11" s="320">
        <v>15</v>
      </c>
      <c r="O11" s="320">
        <v>10</v>
      </c>
      <c r="P11" s="320">
        <v>5</v>
      </c>
      <c r="Q11" s="320">
        <v>1022</v>
      </c>
      <c r="R11" s="304">
        <v>630</v>
      </c>
      <c r="S11" s="321">
        <v>392</v>
      </c>
      <c r="T11" s="320">
        <v>3249</v>
      </c>
      <c r="U11" s="304">
        <v>1787</v>
      </c>
      <c r="V11" s="379">
        <v>1462</v>
      </c>
      <c r="W11" s="320">
        <v>2227</v>
      </c>
      <c r="X11" s="304">
        <v>1157</v>
      </c>
      <c r="Y11" s="379">
        <v>1070</v>
      </c>
    </row>
    <row r="12" spans="1:25" ht="20.25" customHeight="1">
      <c r="A12" s="1038" t="s">
        <v>435</v>
      </c>
      <c r="B12" s="377">
        <v>128000</v>
      </c>
      <c r="C12" s="380" t="s">
        <v>521</v>
      </c>
      <c r="D12" s="1040" t="s">
        <v>522</v>
      </c>
      <c r="E12" s="320">
        <v>297</v>
      </c>
      <c r="F12" s="304">
        <v>244</v>
      </c>
      <c r="G12" s="379">
        <v>53</v>
      </c>
      <c r="H12" s="320">
        <v>-49</v>
      </c>
      <c r="I12" s="304">
        <v>-33</v>
      </c>
      <c r="J12" s="321">
        <v>-16</v>
      </c>
      <c r="K12" s="320" t="s">
        <v>72</v>
      </c>
      <c r="L12" s="304" t="s">
        <v>72</v>
      </c>
      <c r="M12" s="321" t="s">
        <v>72</v>
      </c>
      <c r="N12" s="320">
        <v>49</v>
      </c>
      <c r="O12" s="320">
        <v>33</v>
      </c>
      <c r="P12" s="320">
        <v>16</v>
      </c>
      <c r="Q12" s="320">
        <v>346</v>
      </c>
      <c r="R12" s="304">
        <v>277</v>
      </c>
      <c r="S12" s="321">
        <v>69</v>
      </c>
      <c r="T12" s="320">
        <v>19632</v>
      </c>
      <c r="U12" s="304">
        <v>10688</v>
      </c>
      <c r="V12" s="379">
        <v>8944</v>
      </c>
      <c r="W12" s="320">
        <v>19286</v>
      </c>
      <c r="X12" s="304">
        <v>10411</v>
      </c>
      <c r="Y12" s="379">
        <v>8875</v>
      </c>
    </row>
    <row r="13" spans="1:25" ht="20.25" customHeight="1">
      <c r="A13" s="1038"/>
      <c r="B13" s="377">
        <v>134245</v>
      </c>
      <c r="C13" s="380" t="s">
        <v>523</v>
      </c>
      <c r="D13" s="1040"/>
      <c r="E13" s="320">
        <v>2352</v>
      </c>
      <c r="F13" s="304">
        <v>1171</v>
      </c>
      <c r="G13" s="379">
        <v>1181</v>
      </c>
      <c r="H13" s="320">
        <v>-54</v>
      </c>
      <c r="I13" s="304">
        <v>-37</v>
      </c>
      <c r="J13" s="321">
        <v>-17</v>
      </c>
      <c r="K13" s="320" t="s">
        <v>72</v>
      </c>
      <c r="L13" s="304" t="s">
        <v>72</v>
      </c>
      <c r="M13" s="321" t="s">
        <v>72</v>
      </c>
      <c r="N13" s="320">
        <v>54</v>
      </c>
      <c r="O13" s="320">
        <v>37</v>
      </c>
      <c r="P13" s="320">
        <v>17</v>
      </c>
      <c r="Q13" s="320">
        <v>2406</v>
      </c>
      <c r="R13" s="304">
        <v>1208</v>
      </c>
      <c r="S13" s="321">
        <v>1198</v>
      </c>
      <c r="T13" s="320">
        <v>13151</v>
      </c>
      <c r="U13" s="304">
        <v>7139</v>
      </c>
      <c r="V13" s="379">
        <v>6012</v>
      </c>
      <c r="W13" s="320">
        <v>10745</v>
      </c>
      <c r="X13" s="304">
        <v>5931</v>
      </c>
      <c r="Y13" s="379">
        <v>4814</v>
      </c>
    </row>
    <row r="14" spans="1:25" ht="20.25" customHeight="1">
      <c r="A14" s="1038"/>
      <c r="B14" s="355">
        <v>188545</v>
      </c>
      <c r="C14" s="381" t="s">
        <v>524</v>
      </c>
      <c r="D14" s="1040"/>
      <c r="E14" s="323">
        <v>1157</v>
      </c>
      <c r="F14" s="307">
        <v>470</v>
      </c>
      <c r="G14" s="369">
        <v>687</v>
      </c>
      <c r="H14" s="307">
        <v>-212</v>
      </c>
      <c r="I14" s="307">
        <v>-137</v>
      </c>
      <c r="J14" s="324">
        <v>-75</v>
      </c>
      <c r="K14" s="307" t="s">
        <v>72</v>
      </c>
      <c r="L14" s="307" t="s">
        <v>72</v>
      </c>
      <c r="M14" s="324" t="s">
        <v>72</v>
      </c>
      <c r="N14" s="323">
        <v>212</v>
      </c>
      <c r="O14" s="323">
        <v>137</v>
      </c>
      <c r="P14" s="323">
        <v>75</v>
      </c>
      <c r="Q14" s="323">
        <v>1369</v>
      </c>
      <c r="R14" s="307">
        <v>607</v>
      </c>
      <c r="S14" s="324">
        <v>762</v>
      </c>
      <c r="T14" s="323">
        <v>6627</v>
      </c>
      <c r="U14" s="307">
        <v>3690</v>
      </c>
      <c r="V14" s="369">
        <v>2937</v>
      </c>
      <c r="W14" s="323">
        <v>5258</v>
      </c>
      <c r="X14" s="307">
        <v>3083</v>
      </c>
      <c r="Y14" s="369">
        <v>2175</v>
      </c>
    </row>
    <row r="15" spans="1:25" ht="20.25" customHeight="1">
      <c r="A15" s="1038"/>
      <c r="B15" s="377">
        <v>197433</v>
      </c>
      <c r="C15" s="380" t="s">
        <v>525</v>
      </c>
      <c r="D15" s="1040"/>
      <c r="E15" s="320">
        <v>227</v>
      </c>
      <c r="F15" s="304">
        <v>46</v>
      </c>
      <c r="G15" s="379">
        <v>181</v>
      </c>
      <c r="H15" s="320">
        <v>-535</v>
      </c>
      <c r="I15" s="304">
        <v>-334</v>
      </c>
      <c r="J15" s="321">
        <v>-201</v>
      </c>
      <c r="K15" s="320" t="s">
        <v>72</v>
      </c>
      <c r="L15" s="304" t="s">
        <v>72</v>
      </c>
      <c r="M15" s="304" t="s">
        <v>72</v>
      </c>
      <c r="N15" s="320">
        <v>535</v>
      </c>
      <c r="O15" s="320">
        <v>334</v>
      </c>
      <c r="P15" s="320">
        <v>201</v>
      </c>
      <c r="Q15" s="320">
        <v>762</v>
      </c>
      <c r="R15" s="304">
        <v>380</v>
      </c>
      <c r="S15" s="321">
        <v>382</v>
      </c>
      <c r="T15" s="320">
        <v>4337</v>
      </c>
      <c r="U15" s="304">
        <v>2403</v>
      </c>
      <c r="V15" s="379">
        <v>1934</v>
      </c>
      <c r="W15" s="320">
        <v>3575</v>
      </c>
      <c r="X15" s="304">
        <v>2023</v>
      </c>
      <c r="Y15" s="379">
        <v>1552</v>
      </c>
    </row>
    <row r="16" spans="1:25" ht="20.25" customHeight="1">
      <c r="A16" s="1038"/>
      <c r="B16" s="377">
        <v>143682</v>
      </c>
      <c r="C16" s="380" t="s">
        <v>526</v>
      </c>
      <c r="D16" s="1040"/>
      <c r="E16" s="320">
        <v>-622</v>
      </c>
      <c r="F16" s="304">
        <v>-468</v>
      </c>
      <c r="G16" s="379">
        <v>-154</v>
      </c>
      <c r="H16" s="320">
        <v>-984</v>
      </c>
      <c r="I16" s="304">
        <v>-660</v>
      </c>
      <c r="J16" s="321">
        <v>-324</v>
      </c>
      <c r="K16" s="320" t="s">
        <v>72</v>
      </c>
      <c r="L16" s="304" t="s">
        <v>72</v>
      </c>
      <c r="M16" s="321" t="s">
        <v>72</v>
      </c>
      <c r="N16" s="320">
        <v>984</v>
      </c>
      <c r="O16" s="320">
        <v>660</v>
      </c>
      <c r="P16" s="320">
        <v>324</v>
      </c>
      <c r="Q16" s="320">
        <v>362</v>
      </c>
      <c r="R16" s="304">
        <v>192</v>
      </c>
      <c r="S16" s="321">
        <v>170</v>
      </c>
      <c r="T16" s="320">
        <v>2198</v>
      </c>
      <c r="U16" s="304">
        <v>1241</v>
      </c>
      <c r="V16" s="379">
        <v>957</v>
      </c>
      <c r="W16" s="320">
        <v>1836</v>
      </c>
      <c r="X16" s="304">
        <v>1049</v>
      </c>
      <c r="Y16" s="379">
        <v>787</v>
      </c>
    </row>
    <row r="17" spans="1:25" ht="20.25" customHeight="1">
      <c r="A17" s="1038"/>
      <c r="B17" s="377">
        <v>166900</v>
      </c>
      <c r="C17" s="380" t="s">
        <v>527</v>
      </c>
      <c r="D17" s="1040"/>
      <c r="E17" s="320">
        <v>-2635</v>
      </c>
      <c r="F17" s="304">
        <v>-1854</v>
      </c>
      <c r="G17" s="379">
        <v>-781</v>
      </c>
      <c r="H17" s="320">
        <v>-2944</v>
      </c>
      <c r="I17" s="304">
        <v>-1932</v>
      </c>
      <c r="J17" s="321">
        <v>-1012</v>
      </c>
      <c r="K17" s="320" t="s">
        <v>72</v>
      </c>
      <c r="L17" s="304" t="s">
        <v>72</v>
      </c>
      <c r="M17" s="321" t="s">
        <v>72</v>
      </c>
      <c r="N17" s="320">
        <v>2944</v>
      </c>
      <c r="O17" s="320">
        <v>1932</v>
      </c>
      <c r="P17" s="320">
        <v>1012</v>
      </c>
      <c r="Q17" s="320">
        <v>309</v>
      </c>
      <c r="R17" s="304">
        <v>78</v>
      </c>
      <c r="S17" s="321">
        <v>231</v>
      </c>
      <c r="T17" s="320">
        <v>1601</v>
      </c>
      <c r="U17" s="304">
        <v>729</v>
      </c>
      <c r="V17" s="379">
        <v>872</v>
      </c>
      <c r="W17" s="320">
        <v>1292</v>
      </c>
      <c r="X17" s="304">
        <v>651</v>
      </c>
      <c r="Y17" s="379">
        <v>641</v>
      </c>
    </row>
    <row r="18" spans="1:25" ht="20.25" customHeight="1">
      <c r="A18" s="1038"/>
      <c r="B18" s="377">
        <v>97390</v>
      </c>
      <c r="C18" s="380" t="s">
        <v>528</v>
      </c>
      <c r="D18" s="1040"/>
      <c r="E18" s="320">
        <v>-5110</v>
      </c>
      <c r="F18" s="304">
        <v>-2889</v>
      </c>
      <c r="G18" s="379">
        <v>-2221</v>
      </c>
      <c r="H18" s="320">
        <v>-5379</v>
      </c>
      <c r="I18" s="304">
        <v>-2924</v>
      </c>
      <c r="J18" s="321">
        <v>-2455</v>
      </c>
      <c r="K18" s="320" t="s">
        <v>72</v>
      </c>
      <c r="L18" s="304" t="s">
        <v>72</v>
      </c>
      <c r="M18" s="321" t="s">
        <v>72</v>
      </c>
      <c r="N18" s="320">
        <v>5379</v>
      </c>
      <c r="O18" s="320">
        <v>2924</v>
      </c>
      <c r="P18" s="320">
        <v>2455</v>
      </c>
      <c r="Q18" s="320">
        <v>269</v>
      </c>
      <c r="R18" s="304">
        <v>35</v>
      </c>
      <c r="S18" s="321">
        <v>234</v>
      </c>
      <c r="T18" s="320">
        <v>1253</v>
      </c>
      <c r="U18" s="304">
        <v>403</v>
      </c>
      <c r="V18" s="379">
        <v>850</v>
      </c>
      <c r="W18" s="320">
        <v>984</v>
      </c>
      <c r="X18" s="304">
        <v>368</v>
      </c>
      <c r="Y18" s="379">
        <v>616</v>
      </c>
    </row>
    <row r="19" spans="1:25" ht="20.25" customHeight="1">
      <c r="A19" s="1038"/>
      <c r="B19" s="355">
        <v>22582</v>
      </c>
      <c r="C19" s="381" t="s">
        <v>529</v>
      </c>
      <c r="D19" s="1040"/>
      <c r="E19" s="323">
        <v>-3693</v>
      </c>
      <c r="F19" s="307">
        <v>-1345</v>
      </c>
      <c r="G19" s="369">
        <v>-2348</v>
      </c>
      <c r="H19" s="323">
        <v>-3779</v>
      </c>
      <c r="I19" s="307">
        <v>-1357</v>
      </c>
      <c r="J19" s="324">
        <v>-2422</v>
      </c>
      <c r="K19" s="323" t="s">
        <v>72</v>
      </c>
      <c r="L19" s="307" t="s">
        <v>72</v>
      </c>
      <c r="M19" s="324" t="s">
        <v>72</v>
      </c>
      <c r="N19" s="323">
        <v>3779</v>
      </c>
      <c r="O19" s="323">
        <v>1357</v>
      </c>
      <c r="P19" s="323">
        <v>2422</v>
      </c>
      <c r="Q19" s="323">
        <v>86</v>
      </c>
      <c r="R19" s="307">
        <v>12</v>
      </c>
      <c r="S19" s="324">
        <v>74</v>
      </c>
      <c r="T19" s="323">
        <v>375</v>
      </c>
      <c r="U19" s="307">
        <v>101</v>
      </c>
      <c r="V19" s="369">
        <v>274</v>
      </c>
      <c r="W19" s="323">
        <v>289</v>
      </c>
      <c r="X19" s="307">
        <v>89</v>
      </c>
      <c r="Y19" s="369">
        <v>200</v>
      </c>
    </row>
    <row r="20" spans="1:25" ht="20.25" customHeight="1" thickBot="1">
      <c r="A20" s="1039"/>
      <c r="B20" s="881">
        <v>856</v>
      </c>
      <c r="C20" s="247" t="s">
        <v>457</v>
      </c>
      <c r="D20" s="882"/>
      <c r="E20" s="883">
        <v>-342</v>
      </c>
      <c r="F20" s="884">
        <v>-51</v>
      </c>
      <c r="G20" s="885">
        <v>-291</v>
      </c>
      <c r="H20" s="884">
        <v>-337</v>
      </c>
      <c r="I20" s="884">
        <v>-52</v>
      </c>
      <c r="J20" s="886">
        <v>-285</v>
      </c>
      <c r="K20" s="883" t="s">
        <v>72</v>
      </c>
      <c r="L20" s="884" t="s">
        <v>72</v>
      </c>
      <c r="M20" s="884" t="s">
        <v>72</v>
      </c>
      <c r="N20" s="883">
        <v>337</v>
      </c>
      <c r="O20" s="883">
        <v>52</v>
      </c>
      <c r="P20" s="883">
        <v>285</v>
      </c>
      <c r="Q20" s="883">
        <v>-5</v>
      </c>
      <c r="R20" s="884">
        <v>1</v>
      </c>
      <c r="S20" s="886">
        <v>-6</v>
      </c>
      <c r="T20" s="883">
        <v>7</v>
      </c>
      <c r="U20" s="884">
        <v>2</v>
      </c>
      <c r="V20" s="885">
        <v>5</v>
      </c>
      <c r="W20" s="883">
        <v>12</v>
      </c>
      <c r="X20" s="884">
        <v>1</v>
      </c>
      <c r="Y20" s="885">
        <v>11</v>
      </c>
    </row>
    <row r="21" spans="1:25" ht="20.25" customHeight="1" thickTop="1">
      <c r="A21" s="371"/>
      <c r="B21" s="481" t="s">
        <v>192</v>
      </c>
      <c r="C21" s="239"/>
      <c r="D21" s="477"/>
      <c r="E21" s="482" t="s">
        <v>192</v>
      </c>
      <c r="F21" s="482" t="s">
        <v>192</v>
      </c>
      <c r="G21" s="483" t="s">
        <v>192</v>
      </c>
      <c r="H21" s="484" t="s">
        <v>192</v>
      </c>
      <c r="I21" s="482" t="s">
        <v>192</v>
      </c>
      <c r="J21" s="483" t="s">
        <v>192</v>
      </c>
      <c r="K21" s="484" t="s">
        <v>192</v>
      </c>
      <c r="L21" s="482" t="s">
        <v>192</v>
      </c>
      <c r="M21" s="482" t="s">
        <v>192</v>
      </c>
      <c r="N21" s="484" t="s">
        <v>192</v>
      </c>
      <c r="O21" s="484" t="s">
        <v>192</v>
      </c>
      <c r="P21" s="484" t="s">
        <v>192</v>
      </c>
      <c r="Q21" s="482" t="s">
        <v>192</v>
      </c>
      <c r="R21" s="482" t="s">
        <v>192</v>
      </c>
      <c r="S21" s="483" t="s">
        <v>192</v>
      </c>
      <c r="T21" s="484" t="s">
        <v>192</v>
      </c>
      <c r="U21" s="482" t="s">
        <v>192</v>
      </c>
      <c r="V21" s="887" t="s">
        <v>192</v>
      </c>
      <c r="W21" s="484" t="s">
        <v>192</v>
      </c>
      <c r="X21" s="482" t="s">
        <v>192</v>
      </c>
      <c r="Y21" s="483" t="s">
        <v>192</v>
      </c>
    </row>
    <row r="22" spans="1:25" ht="20.25" customHeight="1">
      <c r="A22" s="364"/>
      <c r="B22" s="372">
        <v>1313636</v>
      </c>
      <c r="C22" s="365" t="s">
        <v>194</v>
      </c>
      <c r="D22" s="366"/>
      <c r="E22" s="373">
        <v>3234</v>
      </c>
      <c r="F22" s="374">
        <v>1521</v>
      </c>
      <c r="G22" s="375">
        <v>1713</v>
      </c>
      <c r="H22" s="373">
        <v>-5088</v>
      </c>
      <c r="I22" s="374">
        <v>-2668</v>
      </c>
      <c r="J22" s="376">
        <v>-2420</v>
      </c>
      <c r="K22" s="373">
        <v>7986</v>
      </c>
      <c r="L22" s="374">
        <v>4065</v>
      </c>
      <c r="M22" s="376">
        <v>3921</v>
      </c>
      <c r="N22" s="375">
        <v>13074</v>
      </c>
      <c r="O22" s="373">
        <v>6733</v>
      </c>
      <c r="P22" s="373">
        <v>6341</v>
      </c>
      <c r="Q22" s="373">
        <v>8322</v>
      </c>
      <c r="R22" s="374">
        <v>4189</v>
      </c>
      <c r="S22" s="376">
        <v>4133</v>
      </c>
      <c r="T22" s="375">
        <v>55167</v>
      </c>
      <c r="U22" s="374">
        <v>29472</v>
      </c>
      <c r="V22" s="376">
        <v>25695</v>
      </c>
      <c r="W22" s="373">
        <v>46845</v>
      </c>
      <c r="X22" s="374">
        <v>25283</v>
      </c>
      <c r="Y22" s="375">
        <v>21562</v>
      </c>
    </row>
    <row r="23" spans="1:25" ht="12.75" customHeight="1">
      <c r="A23" s="371"/>
      <c r="B23" s="385"/>
      <c r="C23" s="341"/>
      <c r="D23" s="368"/>
      <c r="E23" s="323"/>
      <c r="F23" s="307"/>
      <c r="G23" s="369"/>
      <c r="H23" s="323"/>
      <c r="I23" s="307"/>
      <c r="J23" s="324"/>
      <c r="K23" s="323"/>
      <c r="L23" s="307"/>
      <c r="M23" s="324"/>
      <c r="N23" s="369"/>
      <c r="O23" s="323"/>
      <c r="P23" s="307"/>
      <c r="Q23" s="323"/>
      <c r="R23" s="307"/>
      <c r="S23" s="324"/>
      <c r="T23" s="369"/>
      <c r="U23" s="307"/>
      <c r="V23" s="369"/>
      <c r="W23" s="323"/>
      <c r="X23" s="307"/>
      <c r="Y23" s="369"/>
    </row>
    <row r="24" spans="1:25" ht="20.25" customHeight="1">
      <c r="A24" s="364" t="s">
        <v>530</v>
      </c>
      <c r="B24" s="377">
        <v>99099</v>
      </c>
      <c r="C24" s="378" t="s">
        <v>518</v>
      </c>
      <c r="D24" s="366" t="s">
        <v>530</v>
      </c>
      <c r="E24" s="320">
        <v>9515</v>
      </c>
      <c r="F24" s="304">
        <v>4840</v>
      </c>
      <c r="G24" s="379">
        <v>4675</v>
      </c>
      <c r="H24" s="320">
        <v>7965</v>
      </c>
      <c r="I24" s="304">
        <v>4053</v>
      </c>
      <c r="J24" s="321">
        <v>3912</v>
      </c>
      <c r="K24" s="320">
        <v>7986</v>
      </c>
      <c r="L24" s="304">
        <v>4065</v>
      </c>
      <c r="M24" s="304">
        <v>3921</v>
      </c>
      <c r="N24" s="320">
        <v>21</v>
      </c>
      <c r="O24" s="320">
        <v>12</v>
      </c>
      <c r="P24" s="320">
        <v>9</v>
      </c>
      <c r="Q24" s="320">
        <v>1550</v>
      </c>
      <c r="R24" s="304">
        <v>787</v>
      </c>
      <c r="S24" s="321">
        <v>763</v>
      </c>
      <c r="T24" s="320">
        <v>4917</v>
      </c>
      <c r="U24" s="304">
        <v>2533</v>
      </c>
      <c r="V24" s="379">
        <v>2384</v>
      </c>
      <c r="W24" s="320">
        <v>3367</v>
      </c>
      <c r="X24" s="304">
        <v>1746</v>
      </c>
      <c r="Y24" s="379">
        <v>1621</v>
      </c>
    </row>
    <row r="25" spans="1:25" ht="20.25" customHeight="1">
      <c r="A25" s="370"/>
      <c r="B25" s="377">
        <v>117687</v>
      </c>
      <c r="C25" s="380" t="s">
        <v>520</v>
      </c>
      <c r="D25" s="480"/>
      <c r="E25" s="320">
        <v>781</v>
      </c>
      <c r="F25" s="304">
        <v>486</v>
      </c>
      <c r="G25" s="379">
        <v>295</v>
      </c>
      <c r="H25" s="320">
        <v>-13</v>
      </c>
      <c r="I25" s="304">
        <v>-9</v>
      </c>
      <c r="J25" s="321">
        <v>-4</v>
      </c>
      <c r="K25" s="320" t="s">
        <v>72</v>
      </c>
      <c r="L25" s="304" t="s">
        <v>72</v>
      </c>
      <c r="M25" s="321" t="s">
        <v>72</v>
      </c>
      <c r="N25" s="320">
        <v>13</v>
      </c>
      <c r="O25" s="320">
        <v>9</v>
      </c>
      <c r="P25" s="320">
        <v>4</v>
      </c>
      <c r="Q25" s="320">
        <v>794</v>
      </c>
      <c r="R25" s="304">
        <v>495</v>
      </c>
      <c r="S25" s="321">
        <v>299</v>
      </c>
      <c r="T25" s="320">
        <v>2965</v>
      </c>
      <c r="U25" s="304">
        <v>1629</v>
      </c>
      <c r="V25" s="379">
        <v>1336</v>
      </c>
      <c r="W25" s="320">
        <v>2171</v>
      </c>
      <c r="X25" s="304">
        <v>1134</v>
      </c>
      <c r="Y25" s="379">
        <v>1037</v>
      </c>
    </row>
    <row r="26" spans="1:25" ht="20.25" customHeight="1">
      <c r="A26" s="1038" t="s">
        <v>461</v>
      </c>
      <c r="B26" s="377">
        <v>126686</v>
      </c>
      <c r="C26" s="380" t="s">
        <v>521</v>
      </c>
      <c r="D26" s="1040" t="s">
        <v>531</v>
      </c>
      <c r="E26" s="320">
        <v>-57</v>
      </c>
      <c r="F26" s="304">
        <v>-64</v>
      </c>
      <c r="G26" s="379">
        <v>7</v>
      </c>
      <c r="H26" s="320">
        <v>-37</v>
      </c>
      <c r="I26" s="304">
        <v>-28</v>
      </c>
      <c r="J26" s="321">
        <v>-9</v>
      </c>
      <c r="K26" s="320" t="s">
        <v>72</v>
      </c>
      <c r="L26" s="304" t="s">
        <v>72</v>
      </c>
      <c r="M26" s="321" t="s">
        <v>72</v>
      </c>
      <c r="N26" s="320">
        <v>37</v>
      </c>
      <c r="O26" s="320">
        <v>28</v>
      </c>
      <c r="P26" s="320">
        <v>9</v>
      </c>
      <c r="Q26" s="320">
        <v>-20</v>
      </c>
      <c r="R26" s="304">
        <v>-36</v>
      </c>
      <c r="S26" s="321">
        <v>16</v>
      </c>
      <c r="T26" s="320">
        <v>18349</v>
      </c>
      <c r="U26" s="304">
        <v>9830</v>
      </c>
      <c r="V26" s="379">
        <v>8519</v>
      </c>
      <c r="W26" s="320">
        <v>18369</v>
      </c>
      <c r="X26" s="304">
        <v>9866</v>
      </c>
      <c r="Y26" s="379">
        <v>8503</v>
      </c>
    </row>
    <row r="27" spans="1:25" ht="20.25" customHeight="1">
      <c r="A27" s="1038"/>
      <c r="B27" s="377">
        <v>136278</v>
      </c>
      <c r="C27" s="380" t="s">
        <v>523</v>
      </c>
      <c r="D27" s="1040"/>
      <c r="E27" s="320">
        <v>2778</v>
      </c>
      <c r="F27" s="304">
        <v>1383</v>
      </c>
      <c r="G27" s="379">
        <v>1395</v>
      </c>
      <c r="H27" s="320">
        <v>-84</v>
      </c>
      <c r="I27" s="304">
        <v>-54</v>
      </c>
      <c r="J27" s="321">
        <v>-30</v>
      </c>
      <c r="K27" s="320" t="s">
        <v>72</v>
      </c>
      <c r="L27" s="304" t="s">
        <v>72</v>
      </c>
      <c r="M27" s="321" t="s">
        <v>72</v>
      </c>
      <c r="N27" s="320">
        <v>84</v>
      </c>
      <c r="O27" s="320">
        <v>54</v>
      </c>
      <c r="P27" s="320">
        <v>30</v>
      </c>
      <c r="Q27" s="320">
        <v>2862</v>
      </c>
      <c r="R27" s="304">
        <v>1437</v>
      </c>
      <c r="S27" s="321">
        <v>1425</v>
      </c>
      <c r="T27" s="320">
        <v>13071</v>
      </c>
      <c r="U27" s="304">
        <v>7105</v>
      </c>
      <c r="V27" s="379">
        <v>5966</v>
      </c>
      <c r="W27" s="320">
        <v>10209</v>
      </c>
      <c r="X27" s="304">
        <v>5668</v>
      </c>
      <c r="Y27" s="379">
        <v>4541</v>
      </c>
    </row>
    <row r="28" spans="1:25" ht="20.25" customHeight="1">
      <c r="A28" s="1038"/>
      <c r="B28" s="355">
        <v>193858</v>
      </c>
      <c r="C28" s="381" t="s">
        <v>524</v>
      </c>
      <c r="D28" s="1040"/>
      <c r="E28" s="323">
        <v>1219</v>
      </c>
      <c r="F28" s="307">
        <v>634</v>
      </c>
      <c r="G28" s="369">
        <v>585</v>
      </c>
      <c r="H28" s="307">
        <v>-213</v>
      </c>
      <c r="I28" s="307">
        <v>-126</v>
      </c>
      <c r="J28" s="324">
        <v>-87</v>
      </c>
      <c r="K28" s="307" t="s">
        <v>72</v>
      </c>
      <c r="L28" s="307" t="s">
        <v>72</v>
      </c>
      <c r="M28" s="324" t="s">
        <v>72</v>
      </c>
      <c r="N28" s="323">
        <v>213</v>
      </c>
      <c r="O28" s="323">
        <v>126</v>
      </c>
      <c r="P28" s="323">
        <v>87</v>
      </c>
      <c r="Q28" s="323">
        <v>1432</v>
      </c>
      <c r="R28" s="307">
        <v>760</v>
      </c>
      <c r="S28" s="324">
        <v>672</v>
      </c>
      <c r="T28" s="323">
        <v>6623</v>
      </c>
      <c r="U28" s="307">
        <v>3777</v>
      </c>
      <c r="V28" s="369">
        <v>2846</v>
      </c>
      <c r="W28" s="323">
        <v>5191</v>
      </c>
      <c r="X28" s="307">
        <v>3017</v>
      </c>
      <c r="Y28" s="369">
        <v>2174</v>
      </c>
    </row>
    <row r="29" spans="1:25" ht="20.25" customHeight="1">
      <c r="A29" s="1038"/>
      <c r="B29" s="377">
        <v>190609</v>
      </c>
      <c r="C29" s="380" t="s">
        <v>525</v>
      </c>
      <c r="D29" s="1040"/>
      <c r="E29" s="320">
        <v>165</v>
      </c>
      <c r="F29" s="304">
        <v>45</v>
      </c>
      <c r="G29" s="379">
        <v>120</v>
      </c>
      <c r="H29" s="320">
        <v>-534</v>
      </c>
      <c r="I29" s="304">
        <v>-333</v>
      </c>
      <c r="J29" s="321">
        <v>-201</v>
      </c>
      <c r="K29" s="320" t="s">
        <v>72</v>
      </c>
      <c r="L29" s="304" t="s">
        <v>72</v>
      </c>
      <c r="M29" s="304" t="s">
        <v>72</v>
      </c>
      <c r="N29" s="320">
        <v>534</v>
      </c>
      <c r="O29" s="320">
        <v>333</v>
      </c>
      <c r="P29" s="320">
        <v>201</v>
      </c>
      <c r="Q29" s="320">
        <v>699</v>
      </c>
      <c r="R29" s="304">
        <v>378</v>
      </c>
      <c r="S29" s="321">
        <v>321</v>
      </c>
      <c r="T29" s="320">
        <v>4006</v>
      </c>
      <c r="U29" s="304">
        <v>2269</v>
      </c>
      <c r="V29" s="379">
        <v>1737</v>
      </c>
      <c r="W29" s="320">
        <v>3307</v>
      </c>
      <c r="X29" s="304">
        <v>1891</v>
      </c>
      <c r="Y29" s="379">
        <v>1416</v>
      </c>
    </row>
    <row r="30" spans="1:25" ht="20.25" customHeight="1">
      <c r="A30" s="1038"/>
      <c r="B30" s="377">
        <v>144585</v>
      </c>
      <c r="C30" s="380" t="s">
        <v>526</v>
      </c>
      <c r="D30" s="1040"/>
      <c r="E30" s="320">
        <v>-593</v>
      </c>
      <c r="F30" s="304">
        <v>-468</v>
      </c>
      <c r="G30" s="379">
        <v>-125</v>
      </c>
      <c r="H30" s="320">
        <v>-949</v>
      </c>
      <c r="I30" s="304">
        <v>-609</v>
      </c>
      <c r="J30" s="321">
        <v>-340</v>
      </c>
      <c r="K30" s="320" t="s">
        <v>72</v>
      </c>
      <c r="L30" s="304" t="s">
        <v>72</v>
      </c>
      <c r="M30" s="321" t="s">
        <v>72</v>
      </c>
      <c r="N30" s="320">
        <v>949</v>
      </c>
      <c r="O30" s="320">
        <v>609</v>
      </c>
      <c r="P30" s="320">
        <v>340</v>
      </c>
      <c r="Q30" s="320">
        <v>356</v>
      </c>
      <c r="R30" s="304">
        <v>141</v>
      </c>
      <c r="S30" s="321">
        <v>215</v>
      </c>
      <c r="T30" s="320">
        <v>2183</v>
      </c>
      <c r="U30" s="304">
        <v>1185</v>
      </c>
      <c r="V30" s="379">
        <v>998</v>
      </c>
      <c r="W30" s="320">
        <v>1827</v>
      </c>
      <c r="X30" s="304">
        <v>1044</v>
      </c>
      <c r="Y30" s="379">
        <v>783</v>
      </c>
    </row>
    <row r="31" spans="1:25" ht="20.25" customHeight="1">
      <c r="A31" s="1038"/>
      <c r="B31" s="377">
        <v>168429</v>
      </c>
      <c r="C31" s="380" t="s">
        <v>527</v>
      </c>
      <c r="D31" s="1040"/>
      <c r="E31" s="320">
        <v>-2378</v>
      </c>
      <c r="F31" s="304">
        <v>-1581</v>
      </c>
      <c r="G31" s="379">
        <v>-797</v>
      </c>
      <c r="H31" s="320">
        <v>-2643</v>
      </c>
      <c r="I31" s="304">
        <v>-1682</v>
      </c>
      <c r="J31" s="321">
        <v>-961</v>
      </c>
      <c r="K31" s="320" t="s">
        <v>72</v>
      </c>
      <c r="L31" s="304" t="s">
        <v>72</v>
      </c>
      <c r="M31" s="321" t="s">
        <v>72</v>
      </c>
      <c r="N31" s="320">
        <v>2643</v>
      </c>
      <c r="O31" s="320">
        <v>1682</v>
      </c>
      <c r="P31" s="320">
        <v>961</v>
      </c>
      <c r="Q31" s="320">
        <v>265</v>
      </c>
      <c r="R31" s="304">
        <v>101</v>
      </c>
      <c r="S31" s="321">
        <v>164</v>
      </c>
      <c r="T31" s="320">
        <v>1502</v>
      </c>
      <c r="U31" s="304">
        <v>676</v>
      </c>
      <c r="V31" s="379">
        <v>826</v>
      </c>
      <c r="W31" s="320">
        <v>1237</v>
      </c>
      <c r="X31" s="304">
        <v>575</v>
      </c>
      <c r="Y31" s="379">
        <v>662</v>
      </c>
    </row>
    <row r="32" spans="1:25" ht="20.25" customHeight="1">
      <c r="A32" s="1038"/>
      <c r="B32" s="377">
        <v>92985</v>
      </c>
      <c r="C32" s="380" t="s">
        <v>528</v>
      </c>
      <c r="D32" s="1040"/>
      <c r="E32" s="320">
        <v>-4600</v>
      </c>
      <c r="F32" s="304">
        <v>-2634</v>
      </c>
      <c r="G32" s="379">
        <v>-1966</v>
      </c>
      <c r="H32" s="320">
        <v>-4854</v>
      </c>
      <c r="I32" s="304">
        <v>-2712</v>
      </c>
      <c r="J32" s="321">
        <v>-2142</v>
      </c>
      <c r="K32" s="320" t="s">
        <v>72</v>
      </c>
      <c r="L32" s="304" t="s">
        <v>72</v>
      </c>
      <c r="M32" s="321" t="s">
        <v>72</v>
      </c>
      <c r="N32" s="320">
        <v>4854</v>
      </c>
      <c r="O32" s="320">
        <v>2712</v>
      </c>
      <c r="P32" s="320">
        <v>2142</v>
      </c>
      <c r="Q32" s="320">
        <v>254</v>
      </c>
      <c r="R32" s="304">
        <v>78</v>
      </c>
      <c r="S32" s="321">
        <v>176</v>
      </c>
      <c r="T32" s="320">
        <v>1138</v>
      </c>
      <c r="U32" s="304">
        <v>358</v>
      </c>
      <c r="V32" s="379">
        <v>780</v>
      </c>
      <c r="W32" s="320">
        <v>884</v>
      </c>
      <c r="X32" s="304">
        <v>280</v>
      </c>
      <c r="Y32" s="379">
        <v>604</v>
      </c>
    </row>
    <row r="33" spans="1:25" ht="20.25" customHeight="1">
      <c r="A33" s="1038"/>
      <c r="B33" s="355">
        <v>21363</v>
      </c>
      <c r="C33" s="381" t="s">
        <v>529</v>
      </c>
      <c r="D33" s="1040"/>
      <c r="E33" s="323">
        <v>-3248</v>
      </c>
      <c r="F33" s="307">
        <v>-1078</v>
      </c>
      <c r="G33" s="369">
        <v>-2170</v>
      </c>
      <c r="H33" s="323">
        <v>-3373</v>
      </c>
      <c r="I33" s="307">
        <v>-1124</v>
      </c>
      <c r="J33" s="324">
        <v>-2249</v>
      </c>
      <c r="K33" s="323" t="s">
        <v>72</v>
      </c>
      <c r="L33" s="307" t="s">
        <v>72</v>
      </c>
      <c r="M33" s="324" t="s">
        <v>72</v>
      </c>
      <c r="N33" s="323">
        <v>3373</v>
      </c>
      <c r="O33" s="323">
        <v>1124</v>
      </c>
      <c r="P33" s="323">
        <v>2249</v>
      </c>
      <c r="Q33" s="323">
        <v>125</v>
      </c>
      <c r="R33" s="307">
        <v>46</v>
      </c>
      <c r="S33" s="324">
        <v>79</v>
      </c>
      <c r="T33" s="323">
        <v>398</v>
      </c>
      <c r="U33" s="307">
        <v>107</v>
      </c>
      <c r="V33" s="369">
        <v>291</v>
      </c>
      <c r="W33" s="323">
        <v>273</v>
      </c>
      <c r="X33" s="307">
        <v>61</v>
      </c>
      <c r="Y33" s="369">
        <v>212</v>
      </c>
    </row>
    <row r="34" spans="1:25" ht="20.25" customHeight="1" thickBot="1">
      <c r="A34" s="1039"/>
      <c r="B34" s="881">
        <v>762</v>
      </c>
      <c r="C34" s="247" t="s">
        <v>457</v>
      </c>
      <c r="D34" s="882"/>
      <c r="E34" s="883">
        <v>-348</v>
      </c>
      <c r="F34" s="884">
        <v>-42</v>
      </c>
      <c r="G34" s="885">
        <v>-306</v>
      </c>
      <c r="H34" s="884">
        <v>-353</v>
      </c>
      <c r="I34" s="884">
        <v>-44</v>
      </c>
      <c r="J34" s="886">
        <v>-309</v>
      </c>
      <c r="K34" s="883" t="s">
        <v>72</v>
      </c>
      <c r="L34" s="884" t="s">
        <v>72</v>
      </c>
      <c r="M34" s="884" t="s">
        <v>72</v>
      </c>
      <c r="N34" s="883">
        <v>353</v>
      </c>
      <c r="O34" s="883">
        <v>44</v>
      </c>
      <c r="P34" s="883">
        <v>309</v>
      </c>
      <c r="Q34" s="883">
        <v>5</v>
      </c>
      <c r="R34" s="884">
        <v>2</v>
      </c>
      <c r="S34" s="886">
        <v>3</v>
      </c>
      <c r="T34" s="883">
        <v>15</v>
      </c>
      <c r="U34" s="884">
        <v>3</v>
      </c>
      <c r="V34" s="885">
        <v>12</v>
      </c>
      <c r="W34" s="883">
        <v>10</v>
      </c>
      <c r="X34" s="884">
        <v>1</v>
      </c>
      <c r="Y34" s="885">
        <v>9</v>
      </c>
    </row>
    <row r="35" spans="1:25" ht="20.25" customHeight="1" thickTop="1">
      <c r="A35" s="371"/>
      <c r="B35" s="481" t="s">
        <v>192</v>
      </c>
      <c r="C35" s="239"/>
      <c r="D35" s="477"/>
      <c r="E35" s="482" t="s">
        <v>192</v>
      </c>
      <c r="F35" s="482" t="s">
        <v>192</v>
      </c>
      <c r="G35" s="483" t="s">
        <v>192</v>
      </c>
      <c r="H35" s="484" t="s">
        <v>192</v>
      </c>
      <c r="I35" s="482" t="s">
        <v>192</v>
      </c>
      <c r="J35" s="483" t="s">
        <v>192</v>
      </c>
      <c r="K35" s="484" t="s">
        <v>192</v>
      </c>
      <c r="L35" s="482" t="s">
        <v>192</v>
      </c>
      <c r="M35" s="482" t="s">
        <v>192</v>
      </c>
      <c r="N35" s="484" t="s">
        <v>192</v>
      </c>
      <c r="O35" s="484" t="s">
        <v>192</v>
      </c>
      <c r="P35" s="484" t="s">
        <v>192</v>
      </c>
      <c r="Q35" s="482" t="s">
        <v>192</v>
      </c>
      <c r="R35" s="482" t="s">
        <v>192</v>
      </c>
      <c r="S35" s="483" t="s">
        <v>192</v>
      </c>
      <c r="T35" s="484" t="s">
        <v>192</v>
      </c>
      <c r="U35" s="482" t="s">
        <v>192</v>
      </c>
      <c r="V35" s="483" t="s">
        <v>192</v>
      </c>
      <c r="W35" s="484" t="s">
        <v>192</v>
      </c>
      <c r="X35" s="482" t="s">
        <v>192</v>
      </c>
      <c r="Y35" s="483" t="s">
        <v>192</v>
      </c>
    </row>
    <row r="36" spans="1:25" ht="20.25" customHeight="1">
      <c r="A36" s="371" t="s">
        <v>517</v>
      </c>
      <c r="B36" s="485">
        <v>1982</v>
      </c>
      <c r="C36" s="365" t="s">
        <v>194</v>
      </c>
      <c r="D36" s="371" t="s">
        <v>517</v>
      </c>
      <c r="E36" s="373">
        <v>-1252</v>
      </c>
      <c r="F36" s="373">
        <v>-869</v>
      </c>
      <c r="G36" s="373">
        <v>-383</v>
      </c>
      <c r="H36" s="373">
        <v>-1348</v>
      </c>
      <c r="I36" s="373">
        <v>-849</v>
      </c>
      <c r="J36" s="373">
        <v>-499</v>
      </c>
      <c r="K36" s="373">
        <v>-106</v>
      </c>
      <c r="L36" s="373">
        <v>-91</v>
      </c>
      <c r="M36" s="373">
        <v>-15</v>
      </c>
      <c r="N36" s="373">
        <v>1242</v>
      </c>
      <c r="O36" s="373">
        <v>758</v>
      </c>
      <c r="P36" s="373">
        <v>484</v>
      </c>
      <c r="Q36" s="373">
        <v>96</v>
      </c>
      <c r="R36" s="373">
        <v>-20</v>
      </c>
      <c r="S36" s="373">
        <v>116</v>
      </c>
      <c r="T36" s="373">
        <v>2451</v>
      </c>
      <c r="U36" s="373">
        <v>1375</v>
      </c>
      <c r="V36" s="373">
        <v>1076</v>
      </c>
      <c r="W36" s="373">
        <v>2355</v>
      </c>
      <c r="X36" s="373">
        <v>1395</v>
      </c>
      <c r="Y36" s="373">
        <v>960</v>
      </c>
    </row>
    <row r="37" spans="1:25" ht="12.75" customHeight="1">
      <c r="A37" s="371" t="s">
        <v>532</v>
      </c>
      <c r="B37" s="382"/>
      <c r="C37" s="341"/>
      <c r="D37" s="368" t="s">
        <v>532</v>
      </c>
      <c r="E37" s="383"/>
      <c r="F37" s="383"/>
      <c r="G37" s="383"/>
      <c r="H37" s="383"/>
      <c r="I37" s="383"/>
      <c r="J37" s="383"/>
      <c r="K37" s="383"/>
      <c r="L37" s="383"/>
      <c r="M37" s="383"/>
      <c r="N37" s="383"/>
      <c r="O37" s="383"/>
      <c r="P37" s="383"/>
      <c r="Q37" s="383"/>
      <c r="R37" s="383"/>
      <c r="S37" s="383"/>
      <c r="T37" s="383"/>
      <c r="U37" s="383"/>
      <c r="V37" s="383"/>
      <c r="W37" s="383"/>
      <c r="X37" s="383"/>
      <c r="Y37" s="383"/>
    </row>
    <row r="38" spans="1:25" ht="20.25" customHeight="1">
      <c r="A38" s="371" t="s">
        <v>530</v>
      </c>
      <c r="B38" s="486">
        <v>-1692</v>
      </c>
      <c r="C38" s="378" t="s">
        <v>518</v>
      </c>
      <c r="D38" s="368" t="s">
        <v>530</v>
      </c>
      <c r="E38" s="373">
        <v>-170</v>
      </c>
      <c r="F38" s="373">
        <v>-131</v>
      </c>
      <c r="G38" s="373">
        <v>-39</v>
      </c>
      <c r="H38" s="373">
        <v>-112</v>
      </c>
      <c r="I38" s="373">
        <v>-93</v>
      </c>
      <c r="J38" s="373">
        <v>-19</v>
      </c>
      <c r="K38" s="373">
        <v>-106</v>
      </c>
      <c r="L38" s="373">
        <v>-91</v>
      </c>
      <c r="M38" s="373">
        <v>-15</v>
      </c>
      <c r="N38" s="373">
        <v>6</v>
      </c>
      <c r="O38" s="373">
        <v>2</v>
      </c>
      <c r="P38" s="373">
        <v>4</v>
      </c>
      <c r="Q38" s="373">
        <v>-58</v>
      </c>
      <c r="R38" s="373">
        <v>-38</v>
      </c>
      <c r="S38" s="373">
        <v>-20</v>
      </c>
      <c r="T38" s="373">
        <v>271</v>
      </c>
      <c r="U38" s="373">
        <v>131</v>
      </c>
      <c r="V38" s="373">
        <v>140</v>
      </c>
      <c r="W38" s="373">
        <v>329</v>
      </c>
      <c r="X38" s="373">
        <v>169</v>
      </c>
      <c r="Y38" s="373">
        <v>160</v>
      </c>
    </row>
    <row r="39" spans="1:25" ht="20.25" customHeight="1">
      <c r="A39" s="1038" t="s">
        <v>533</v>
      </c>
      <c r="B39" s="486">
        <v>-403</v>
      </c>
      <c r="C39" s="380" t="s">
        <v>520</v>
      </c>
      <c r="D39" s="1040" t="s">
        <v>534</v>
      </c>
      <c r="E39" s="373">
        <v>226</v>
      </c>
      <c r="F39" s="373">
        <v>134</v>
      </c>
      <c r="G39" s="373">
        <v>92</v>
      </c>
      <c r="H39" s="373">
        <v>-2</v>
      </c>
      <c r="I39" s="373">
        <v>-1</v>
      </c>
      <c r="J39" s="373">
        <v>-1</v>
      </c>
      <c r="K39" s="373" t="s">
        <v>72</v>
      </c>
      <c r="L39" s="373" t="s">
        <v>72</v>
      </c>
      <c r="M39" s="373" t="s">
        <v>72</v>
      </c>
      <c r="N39" s="373">
        <v>2</v>
      </c>
      <c r="O39" s="373">
        <v>1</v>
      </c>
      <c r="P39" s="373">
        <v>1</v>
      </c>
      <c r="Q39" s="373">
        <v>228</v>
      </c>
      <c r="R39" s="373">
        <v>135</v>
      </c>
      <c r="S39" s="373">
        <v>93</v>
      </c>
      <c r="T39" s="373">
        <v>284</v>
      </c>
      <c r="U39" s="373">
        <v>158</v>
      </c>
      <c r="V39" s="373">
        <v>126</v>
      </c>
      <c r="W39" s="373">
        <v>56</v>
      </c>
      <c r="X39" s="373">
        <v>23</v>
      </c>
      <c r="Y39" s="373">
        <v>33</v>
      </c>
    </row>
    <row r="40" spans="1:25" ht="20.25" customHeight="1">
      <c r="A40" s="1038"/>
      <c r="B40" s="486">
        <v>1314</v>
      </c>
      <c r="C40" s="380" t="s">
        <v>521</v>
      </c>
      <c r="D40" s="1040"/>
      <c r="E40" s="373">
        <v>354</v>
      </c>
      <c r="F40" s="373">
        <v>308</v>
      </c>
      <c r="G40" s="373">
        <v>46</v>
      </c>
      <c r="H40" s="373">
        <v>-12</v>
      </c>
      <c r="I40" s="373">
        <v>-5</v>
      </c>
      <c r="J40" s="373">
        <v>-7</v>
      </c>
      <c r="K40" s="373" t="s">
        <v>72</v>
      </c>
      <c r="L40" s="373" t="s">
        <v>72</v>
      </c>
      <c r="M40" s="373" t="s">
        <v>72</v>
      </c>
      <c r="N40" s="373">
        <v>12</v>
      </c>
      <c r="O40" s="373">
        <v>5</v>
      </c>
      <c r="P40" s="373">
        <v>7</v>
      </c>
      <c r="Q40" s="373">
        <v>366</v>
      </c>
      <c r="R40" s="373">
        <v>313</v>
      </c>
      <c r="S40" s="373">
        <v>53</v>
      </c>
      <c r="T40" s="373">
        <v>1283</v>
      </c>
      <c r="U40" s="373">
        <v>858</v>
      </c>
      <c r="V40" s="373">
        <v>425</v>
      </c>
      <c r="W40" s="373">
        <v>917</v>
      </c>
      <c r="X40" s="373">
        <v>545</v>
      </c>
      <c r="Y40" s="373">
        <v>372</v>
      </c>
    </row>
    <row r="41" spans="1:25" ht="20.25" customHeight="1">
      <c r="A41" s="1038"/>
      <c r="B41" s="486">
        <v>-2033</v>
      </c>
      <c r="C41" s="380" t="s">
        <v>523</v>
      </c>
      <c r="D41" s="1040"/>
      <c r="E41" s="373">
        <v>-426</v>
      </c>
      <c r="F41" s="373">
        <v>-212</v>
      </c>
      <c r="G41" s="373">
        <v>-214</v>
      </c>
      <c r="H41" s="373">
        <v>30</v>
      </c>
      <c r="I41" s="373">
        <v>17</v>
      </c>
      <c r="J41" s="373">
        <v>13</v>
      </c>
      <c r="K41" s="373" t="s">
        <v>72</v>
      </c>
      <c r="L41" s="373" t="s">
        <v>72</v>
      </c>
      <c r="M41" s="373" t="s">
        <v>72</v>
      </c>
      <c r="N41" s="373">
        <v>-30</v>
      </c>
      <c r="O41" s="373">
        <v>-17</v>
      </c>
      <c r="P41" s="373">
        <v>-13</v>
      </c>
      <c r="Q41" s="373">
        <v>-456</v>
      </c>
      <c r="R41" s="373">
        <v>-229</v>
      </c>
      <c r="S41" s="373">
        <v>-227</v>
      </c>
      <c r="T41" s="373">
        <v>80</v>
      </c>
      <c r="U41" s="373">
        <v>34</v>
      </c>
      <c r="V41" s="373">
        <v>46</v>
      </c>
      <c r="W41" s="373">
        <v>536</v>
      </c>
      <c r="X41" s="373">
        <v>263</v>
      </c>
      <c r="Y41" s="373">
        <v>273</v>
      </c>
    </row>
    <row r="42" spans="1:25" ht="20.25" customHeight="1">
      <c r="A42" s="1038"/>
      <c r="B42" s="486">
        <v>-5313</v>
      </c>
      <c r="C42" s="381" t="s">
        <v>524</v>
      </c>
      <c r="D42" s="1040"/>
      <c r="E42" s="383">
        <v>-62</v>
      </c>
      <c r="F42" s="383">
        <v>-164</v>
      </c>
      <c r="G42" s="383">
        <v>102</v>
      </c>
      <c r="H42" s="383">
        <v>1</v>
      </c>
      <c r="I42" s="383">
        <v>-11</v>
      </c>
      <c r="J42" s="383">
        <v>12</v>
      </c>
      <c r="K42" s="383" t="s">
        <v>72</v>
      </c>
      <c r="L42" s="383" t="s">
        <v>72</v>
      </c>
      <c r="M42" s="383" t="s">
        <v>72</v>
      </c>
      <c r="N42" s="383">
        <v>-1</v>
      </c>
      <c r="O42" s="383">
        <v>11</v>
      </c>
      <c r="P42" s="383">
        <v>-12</v>
      </c>
      <c r="Q42" s="383">
        <v>-63</v>
      </c>
      <c r="R42" s="383">
        <v>-153</v>
      </c>
      <c r="S42" s="383">
        <v>90</v>
      </c>
      <c r="T42" s="383">
        <v>4</v>
      </c>
      <c r="U42" s="383">
        <v>-87</v>
      </c>
      <c r="V42" s="383">
        <v>91</v>
      </c>
      <c r="W42" s="383">
        <v>67</v>
      </c>
      <c r="X42" s="383">
        <v>66</v>
      </c>
      <c r="Y42" s="383">
        <v>1</v>
      </c>
    </row>
    <row r="43" spans="1:25" ht="20.25" customHeight="1">
      <c r="A43" s="1038"/>
      <c r="B43" s="487">
        <v>6824</v>
      </c>
      <c r="C43" s="380" t="s">
        <v>525</v>
      </c>
      <c r="D43" s="1040"/>
      <c r="E43" s="373">
        <v>62</v>
      </c>
      <c r="F43" s="373">
        <v>1</v>
      </c>
      <c r="G43" s="373">
        <v>61</v>
      </c>
      <c r="H43" s="373">
        <v>-1</v>
      </c>
      <c r="I43" s="373">
        <v>-1</v>
      </c>
      <c r="J43" s="373">
        <v>0</v>
      </c>
      <c r="K43" s="373" t="s">
        <v>72</v>
      </c>
      <c r="L43" s="373" t="s">
        <v>72</v>
      </c>
      <c r="M43" s="373" t="s">
        <v>72</v>
      </c>
      <c r="N43" s="373">
        <v>1</v>
      </c>
      <c r="O43" s="373">
        <v>1</v>
      </c>
      <c r="P43" s="373">
        <v>0</v>
      </c>
      <c r="Q43" s="373">
        <v>63</v>
      </c>
      <c r="R43" s="373">
        <v>2</v>
      </c>
      <c r="S43" s="373">
        <v>61</v>
      </c>
      <c r="T43" s="373">
        <v>331</v>
      </c>
      <c r="U43" s="373">
        <v>134</v>
      </c>
      <c r="V43" s="373">
        <v>197</v>
      </c>
      <c r="W43" s="373">
        <v>268</v>
      </c>
      <c r="X43" s="373">
        <v>132</v>
      </c>
      <c r="Y43" s="373">
        <v>136</v>
      </c>
    </row>
    <row r="44" spans="1:25" ht="20.25" customHeight="1">
      <c r="A44" s="1038"/>
      <c r="B44" s="486">
        <v>-903</v>
      </c>
      <c r="C44" s="380" t="s">
        <v>526</v>
      </c>
      <c r="D44" s="1040"/>
      <c r="E44" s="373">
        <v>-29</v>
      </c>
      <c r="F44" s="373">
        <v>0</v>
      </c>
      <c r="G44" s="373">
        <v>-29</v>
      </c>
      <c r="H44" s="373">
        <v>-35</v>
      </c>
      <c r="I44" s="373">
        <v>-51</v>
      </c>
      <c r="J44" s="373">
        <v>16</v>
      </c>
      <c r="K44" s="373" t="s">
        <v>72</v>
      </c>
      <c r="L44" s="373" t="s">
        <v>72</v>
      </c>
      <c r="M44" s="373" t="s">
        <v>72</v>
      </c>
      <c r="N44" s="373">
        <v>35</v>
      </c>
      <c r="O44" s="373">
        <v>51</v>
      </c>
      <c r="P44" s="373">
        <v>-16</v>
      </c>
      <c r="Q44" s="373">
        <v>6</v>
      </c>
      <c r="R44" s="373">
        <v>51</v>
      </c>
      <c r="S44" s="373">
        <v>-45</v>
      </c>
      <c r="T44" s="373">
        <v>15</v>
      </c>
      <c r="U44" s="373">
        <v>56</v>
      </c>
      <c r="V44" s="373">
        <v>-41</v>
      </c>
      <c r="W44" s="373">
        <v>9</v>
      </c>
      <c r="X44" s="373">
        <v>5</v>
      </c>
      <c r="Y44" s="373">
        <v>4</v>
      </c>
    </row>
    <row r="45" spans="1:25" ht="20.25" customHeight="1">
      <c r="A45" s="1038"/>
      <c r="B45" s="486">
        <v>-1529</v>
      </c>
      <c r="C45" s="380" t="s">
        <v>527</v>
      </c>
      <c r="D45" s="1040"/>
      <c r="E45" s="373">
        <v>-257</v>
      </c>
      <c r="F45" s="373">
        <v>-273</v>
      </c>
      <c r="G45" s="373">
        <v>16</v>
      </c>
      <c r="H45" s="373">
        <v>-301</v>
      </c>
      <c r="I45" s="373">
        <v>-250</v>
      </c>
      <c r="J45" s="373">
        <v>-51</v>
      </c>
      <c r="K45" s="373" t="s">
        <v>72</v>
      </c>
      <c r="L45" s="373" t="s">
        <v>72</v>
      </c>
      <c r="M45" s="373" t="s">
        <v>72</v>
      </c>
      <c r="N45" s="373">
        <v>301</v>
      </c>
      <c r="O45" s="373">
        <v>250</v>
      </c>
      <c r="P45" s="373">
        <v>51</v>
      </c>
      <c r="Q45" s="373">
        <v>44</v>
      </c>
      <c r="R45" s="373">
        <v>-23</v>
      </c>
      <c r="S45" s="373">
        <v>67</v>
      </c>
      <c r="T45" s="373">
        <v>99</v>
      </c>
      <c r="U45" s="373">
        <v>53</v>
      </c>
      <c r="V45" s="373">
        <v>46</v>
      </c>
      <c r="W45" s="373">
        <v>55</v>
      </c>
      <c r="X45" s="373">
        <v>76</v>
      </c>
      <c r="Y45" s="373">
        <v>-21</v>
      </c>
    </row>
    <row r="46" spans="1:25" ht="20.25" customHeight="1">
      <c r="A46" s="1038"/>
      <c r="B46" s="486">
        <v>4405</v>
      </c>
      <c r="C46" s="380" t="s">
        <v>528</v>
      </c>
      <c r="D46" s="1040"/>
      <c r="E46" s="373">
        <v>-510</v>
      </c>
      <c r="F46" s="373">
        <v>-255</v>
      </c>
      <c r="G46" s="373">
        <v>-255</v>
      </c>
      <c r="H46" s="373">
        <v>-525</v>
      </c>
      <c r="I46" s="373">
        <v>-212</v>
      </c>
      <c r="J46" s="373">
        <v>-313</v>
      </c>
      <c r="K46" s="373" t="s">
        <v>72</v>
      </c>
      <c r="L46" s="373" t="s">
        <v>72</v>
      </c>
      <c r="M46" s="373" t="s">
        <v>72</v>
      </c>
      <c r="N46" s="373">
        <v>525</v>
      </c>
      <c r="O46" s="373">
        <v>212</v>
      </c>
      <c r="P46" s="373">
        <v>313</v>
      </c>
      <c r="Q46" s="373">
        <v>15</v>
      </c>
      <c r="R46" s="373">
        <v>-43</v>
      </c>
      <c r="S46" s="373">
        <v>58</v>
      </c>
      <c r="T46" s="373">
        <v>115</v>
      </c>
      <c r="U46" s="373">
        <v>45</v>
      </c>
      <c r="V46" s="373">
        <v>70</v>
      </c>
      <c r="W46" s="373">
        <v>100</v>
      </c>
      <c r="X46" s="373">
        <v>88</v>
      </c>
      <c r="Y46" s="373">
        <v>12</v>
      </c>
    </row>
    <row r="47" spans="1:25" ht="20.25" customHeight="1">
      <c r="A47" s="1038"/>
      <c r="B47" s="488">
        <v>1219</v>
      </c>
      <c r="C47" s="381" t="s">
        <v>529</v>
      </c>
      <c r="D47" s="1040"/>
      <c r="E47" s="383">
        <v>-445</v>
      </c>
      <c r="F47" s="383">
        <v>-267</v>
      </c>
      <c r="G47" s="383">
        <v>-178</v>
      </c>
      <c r="H47" s="383">
        <v>-406</v>
      </c>
      <c r="I47" s="383">
        <v>-233</v>
      </c>
      <c r="J47" s="383">
        <v>-173</v>
      </c>
      <c r="K47" s="383" t="s">
        <v>72</v>
      </c>
      <c r="L47" s="383" t="s">
        <v>72</v>
      </c>
      <c r="M47" s="383" t="s">
        <v>72</v>
      </c>
      <c r="N47" s="383">
        <v>406</v>
      </c>
      <c r="O47" s="383">
        <v>233</v>
      </c>
      <c r="P47" s="383">
        <v>173</v>
      </c>
      <c r="Q47" s="383">
        <v>-39</v>
      </c>
      <c r="R47" s="383">
        <v>-34</v>
      </c>
      <c r="S47" s="383">
        <v>-5</v>
      </c>
      <c r="T47" s="383">
        <v>-23</v>
      </c>
      <c r="U47" s="383">
        <v>-6</v>
      </c>
      <c r="V47" s="383">
        <v>-17</v>
      </c>
      <c r="W47" s="383">
        <v>16</v>
      </c>
      <c r="X47" s="383">
        <v>28</v>
      </c>
      <c r="Y47" s="383">
        <v>-12</v>
      </c>
    </row>
    <row r="48" spans="1:25" ht="20.25" customHeight="1" thickBot="1">
      <c r="A48" s="1041"/>
      <c r="B48" s="889">
        <v>94</v>
      </c>
      <c r="C48" s="247" t="s">
        <v>457</v>
      </c>
      <c r="D48" s="1042"/>
      <c r="E48" s="888">
        <v>6</v>
      </c>
      <c r="F48" s="888">
        <v>-9</v>
      </c>
      <c r="G48" s="888">
        <v>15</v>
      </c>
      <c r="H48" s="888">
        <v>16</v>
      </c>
      <c r="I48" s="888">
        <v>-8</v>
      </c>
      <c r="J48" s="888">
        <v>24</v>
      </c>
      <c r="K48" s="888" t="s">
        <v>72</v>
      </c>
      <c r="L48" s="888" t="s">
        <v>72</v>
      </c>
      <c r="M48" s="888" t="s">
        <v>72</v>
      </c>
      <c r="N48" s="888">
        <v>-16</v>
      </c>
      <c r="O48" s="888">
        <v>8</v>
      </c>
      <c r="P48" s="888">
        <v>-24</v>
      </c>
      <c r="Q48" s="888">
        <v>-10</v>
      </c>
      <c r="R48" s="888">
        <v>-1</v>
      </c>
      <c r="S48" s="888">
        <v>-9</v>
      </c>
      <c r="T48" s="888">
        <v>-8</v>
      </c>
      <c r="U48" s="888">
        <v>-1</v>
      </c>
      <c r="V48" s="888">
        <v>-7</v>
      </c>
      <c r="W48" s="888">
        <v>2</v>
      </c>
      <c r="X48" s="888">
        <v>0</v>
      </c>
      <c r="Y48" s="888">
        <v>2</v>
      </c>
    </row>
    <row r="49" spans="1:25" ht="9.75" customHeight="1" thickTop="1">
      <c r="A49" s="384"/>
      <c r="B49" s="386"/>
      <c r="C49" s="386"/>
      <c r="D49" s="386"/>
      <c r="E49" s="386"/>
      <c r="F49" s="386"/>
      <c r="G49" s="386"/>
      <c r="H49" s="386"/>
      <c r="I49" s="386"/>
    </row>
    <row r="50" spans="1:25" ht="16.5" customHeight="1">
      <c r="A50" s="489" t="s">
        <v>463</v>
      </c>
      <c r="C50" s="490"/>
      <c r="D50" s="490"/>
      <c r="E50" s="490"/>
      <c r="F50" s="490"/>
      <c r="G50" s="490"/>
      <c r="H50" s="490"/>
      <c r="I50" s="490"/>
      <c r="J50" s="490"/>
      <c r="K50" s="491"/>
      <c r="L50" s="353"/>
      <c r="M50" s="353"/>
      <c r="N50" s="353"/>
      <c r="O50" s="353"/>
      <c r="P50" s="353"/>
      <c r="Q50" s="353"/>
      <c r="R50" s="353"/>
      <c r="S50" s="353"/>
      <c r="T50" s="353"/>
      <c r="U50" s="353"/>
      <c r="V50" s="353"/>
      <c r="W50" s="353"/>
      <c r="X50" s="353"/>
      <c r="Y50" s="353"/>
    </row>
    <row r="51" spans="1:25" ht="16.5" customHeight="1">
      <c r="A51" s="489" t="s">
        <v>464</v>
      </c>
      <c r="C51" s="492"/>
      <c r="D51" s="492"/>
      <c r="E51" s="492"/>
      <c r="F51" s="492"/>
      <c r="G51" s="492"/>
      <c r="H51" s="492"/>
      <c r="I51" s="492"/>
      <c r="J51" s="492"/>
      <c r="K51" s="492"/>
      <c r="L51" s="353"/>
      <c r="M51" s="353"/>
      <c r="N51" s="353"/>
      <c r="O51" s="353"/>
      <c r="P51" s="353"/>
      <c r="Q51" s="353"/>
      <c r="R51" s="353"/>
      <c r="S51" s="353"/>
      <c r="T51" s="353"/>
      <c r="U51" s="353"/>
      <c r="V51" s="353"/>
      <c r="W51" s="353"/>
      <c r="X51" s="353"/>
      <c r="Y51" s="353"/>
    </row>
    <row r="52" spans="1:25" ht="16.5" customHeight="1">
      <c r="A52" s="489" t="s">
        <v>465</v>
      </c>
      <c r="C52" s="353"/>
      <c r="D52" s="353"/>
      <c r="E52" s="353"/>
      <c r="F52" s="353"/>
      <c r="G52" s="353"/>
      <c r="H52" s="353"/>
      <c r="I52" s="353"/>
      <c r="J52" s="353"/>
      <c r="K52" s="353"/>
      <c r="L52" s="353"/>
      <c r="M52" s="353"/>
      <c r="N52" s="353"/>
      <c r="O52" s="353"/>
      <c r="P52" s="353"/>
      <c r="Q52" s="353"/>
      <c r="R52" s="353"/>
      <c r="S52" s="353"/>
      <c r="T52" s="353"/>
      <c r="U52" s="353"/>
      <c r="V52" s="353"/>
      <c r="W52" s="353"/>
      <c r="X52" s="353"/>
      <c r="Y52" s="353"/>
    </row>
    <row r="57" spans="1:25">
      <c r="B57" s="386"/>
    </row>
  </sheetData>
  <mergeCells count="21">
    <mergeCell ref="A4:B4"/>
    <mergeCell ref="E4:G4"/>
    <mergeCell ref="H4:J4"/>
    <mergeCell ref="K4:M4"/>
    <mergeCell ref="N4:P4"/>
    <mergeCell ref="T4:V4"/>
    <mergeCell ref="W4:Y4"/>
    <mergeCell ref="E5:G5"/>
    <mergeCell ref="H5:J5"/>
    <mergeCell ref="K5:M5"/>
    <mergeCell ref="N5:P5"/>
    <mergeCell ref="Q5:S5"/>
    <mergeCell ref="T5:V5"/>
    <mergeCell ref="W5:Y5"/>
    <mergeCell ref="Q4:S4"/>
    <mergeCell ref="A12:A20"/>
    <mergeCell ref="D12:D19"/>
    <mergeCell ref="A26:A34"/>
    <mergeCell ref="D26:D33"/>
    <mergeCell ref="A39:A48"/>
    <mergeCell ref="D39:D48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80" orientation="landscape" blackAndWhite="1" r:id="rId1"/>
  <headerFooter scaleWithDoc="0"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Y57"/>
  <sheetViews>
    <sheetView view="pageBreakPreview" zoomScale="80" zoomScaleNormal="80" zoomScaleSheetLayoutView="80" workbookViewId="0"/>
  </sheetViews>
  <sheetFormatPr defaultRowHeight="13.5"/>
  <cols>
    <col min="1" max="1" width="5.625" style="151" customWidth="1"/>
    <col min="2" max="2" width="15" style="151" customWidth="1"/>
    <col min="3" max="3" width="12.5" style="151" customWidth="1"/>
    <col min="4" max="4" width="5.625" style="151" customWidth="1"/>
    <col min="5" max="25" width="10" style="151" customWidth="1"/>
    <col min="26" max="16384" width="9" style="151"/>
  </cols>
  <sheetData>
    <row r="1" spans="1:25" ht="21" customHeight="1" thickBot="1">
      <c r="A1" s="658" t="s">
        <v>540</v>
      </c>
      <c r="C1" s="329"/>
      <c r="D1" s="329"/>
      <c r="E1" s="329"/>
      <c r="F1" s="329"/>
      <c r="G1" s="329"/>
      <c r="R1" s="329"/>
      <c r="T1" s="329"/>
      <c r="U1" s="329"/>
      <c r="X1" s="330"/>
      <c r="Y1" s="463" t="s">
        <v>631</v>
      </c>
    </row>
    <row r="2" spans="1:25" ht="20.25" customHeight="1" thickTop="1">
      <c r="A2" s="356"/>
      <c r="B2" s="357"/>
      <c r="C2" s="464"/>
      <c r="D2" s="331"/>
      <c r="E2" s="331"/>
      <c r="F2" s="331"/>
      <c r="G2" s="331"/>
      <c r="H2" s="331"/>
      <c r="I2" s="331"/>
      <c r="J2" s="331"/>
      <c r="K2" s="331"/>
      <c r="L2" s="331"/>
      <c r="M2" s="331"/>
      <c r="N2" s="331"/>
      <c r="O2" s="331"/>
      <c r="P2" s="331"/>
      <c r="Q2" s="331"/>
      <c r="R2" s="331"/>
      <c r="S2" s="331"/>
      <c r="T2" s="331"/>
      <c r="U2" s="331"/>
      <c r="V2" s="331"/>
      <c r="W2" s="331"/>
      <c r="X2" s="331"/>
      <c r="Y2" s="331"/>
    </row>
    <row r="3" spans="1:25" ht="20.25" customHeight="1">
      <c r="A3" s="358"/>
      <c r="B3" s="359"/>
      <c r="C3" s="332"/>
      <c r="D3" s="360"/>
      <c r="E3" s="465"/>
      <c r="F3" s="333"/>
      <c r="G3" s="334"/>
      <c r="H3" s="466"/>
      <c r="I3" s="467"/>
      <c r="J3" s="335"/>
      <c r="K3" s="335"/>
      <c r="L3" s="335"/>
      <c r="M3" s="335"/>
      <c r="N3" s="335"/>
      <c r="O3" s="335"/>
      <c r="P3" s="335"/>
      <c r="Q3" s="466"/>
      <c r="R3" s="467"/>
      <c r="S3" s="335"/>
      <c r="T3" s="335"/>
      <c r="U3" s="335"/>
      <c r="V3" s="335"/>
      <c r="W3" s="335"/>
      <c r="X3" s="335"/>
      <c r="Y3" s="335"/>
    </row>
    <row r="4" spans="1:25" ht="20.25" customHeight="1">
      <c r="A4" s="1043" t="s">
        <v>420</v>
      </c>
      <c r="B4" s="1044"/>
      <c r="C4" s="468" t="s">
        <v>253</v>
      </c>
      <c r="D4" s="366"/>
      <c r="E4" s="1034" t="s">
        <v>490</v>
      </c>
      <c r="F4" s="1034"/>
      <c r="G4" s="1035"/>
      <c r="H4" s="1033" t="s">
        <v>422</v>
      </c>
      <c r="I4" s="1034"/>
      <c r="J4" s="1035"/>
      <c r="K4" s="1027" t="s">
        <v>423</v>
      </c>
      <c r="L4" s="1028"/>
      <c r="M4" s="1029"/>
      <c r="N4" s="1027" t="s">
        <v>491</v>
      </c>
      <c r="O4" s="1028"/>
      <c r="P4" s="1028"/>
      <c r="Q4" s="1033" t="s">
        <v>425</v>
      </c>
      <c r="R4" s="1034"/>
      <c r="S4" s="1035"/>
      <c r="T4" s="1027" t="s">
        <v>426</v>
      </c>
      <c r="U4" s="1028"/>
      <c r="V4" s="1028"/>
      <c r="W4" s="1027" t="s">
        <v>427</v>
      </c>
      <c r="X4" s="1028"/>
      <c r="Y4" s="1028"/>
    </row>
    <row r="5" spans="1:25" ht="20.25" customHeight="1">
      <c r="A5" s="358"/>
      <c r="B5" s="359"/>
      <c r="C5" s="347"/>
      <c r="D5" s="469"/>
      <c r="E5" s="1031" t="s">
        <v>492</v>
      </c>
      <c r="F5" s="1031"/>
      <c r="G5" s="1032"/>
      <c r="H5" s="1030" t="s">
        <v>493</v>
      </c>
      <c r="I5" s="1031"/>
      <c r="J5" s="1032"/>
      <c r="K5" s="1030" t="s">
        <v>494</v>
      </c>
      <c r="L5" s="1031"/>
      <c r="M5" s="1032"/>
      <c r="N5" s="1030" t="s">
        <v>495</v>
      </c>
      <c r="O5" s="1031"/>
      <c r="P5" s="1031"/>
      <c r="Q5" s="1030" t="s">
        <v>496</v>
      </c>
      <c r="R5" s="1031"/>
      <c r="S5" s="1032"/>
      <c r="T5" s="1030" t="s">
        <v>433</v>
      </c>
      <c r="U5" s="1031"/>
      <c r="V5" s="1031"/>
      <c r="W5" s="1030" t="s">
        <v>434</v>
      </c>
      <c r="X5" s="1031"/>
      <c r="Y5" s="1031"/>
    </row>
    <row r="6" spans="1:25" ht="20.25" customHeight="1">
      <c r="A6" s="361"/>
      <c r="B6" s="362"/>
      <c r="C6" s="470"/>
      <c r="D6" s="471"/>
      <c r="E6" s="472" t="s">
        <v>497</v>
      </c>
      <c r="F6" s="472" t="s">
        <v>498</v>
      </c>
      <c r="G6" s="473" t="s">
        <v>499</v>
      </c>
      <c r="H6" s="474" t="s">
        <v>497</v>
      </c>
      <c r="I6" s="472" t="s">
        <v>498</v>
      </c>
      <c r="J6" s="473" t="s">
        <v>499</v>
      </c>
      <c r="K6" s="474" t="s">
        <v>500</v>
      </c>
      <c r="L6" s="472" t="s">
        <v>498</v>
      </c>
      <c r="M6" s="472" t="s">
        <v>499</v>
      </c>
      <c r="N6" s="475" t="s">
        <v>500</v>
      </c>
      <c r="O6" s="475" t="s">
        <v>502</v>
      </c>
      <c r="P6" s="475" t="s">
        <v>499</v>
      </c>
      <c r="Q6" s="472" t="s">
        <v>497</v>
      </c>
      <c r="R6" s="472" t="s">
        <v>498</v>
      </c>
      <c r="S6" s="473" t="s">
        <v>499</v>
      </c>
      <c r="T6" s="474" t="s">
        <v>497</v>
      </c>
      <c r="U6" s="475" t="s">
        <v>498</v>
      </c>
      <c r="V6" s="475" t="s">
        <v>499</v>
      </c>
      <c r="W6" s="475" t="s">
        <v>497</v>
      </c>
      <c r="X6" s="475" t="s">
        <v>498</v>
      </c>
      <c r="Y6" s="475" t="s">
        <v>499</v>
      </c>
    </row>
    <row r="7" spans="1:25" ht="20.25" customHeight="1">
      <c r="A7" s="363"/>
      <c r="B7" s="476" t="s">
        <v>192</v>
      </c>
      <c r="C7" s="239"/>
      <c r="D7" s="477"/>
      <c r="E7" s="478" t="s">
        <v>192</v>
      </c>
      <c r="F7" s="105" t="s">
        <v>192</v>
      </c>
      <c r="G7" s="86" t="s">
        <v>192</v>
      </c>
      <c r="H7" s="106" t="s">
        <v>192</v>
      </c>
      <c r="I7" s="105" t="s">
        <v>192</v>
      </c>
      <c r="J7" s="86" t="s">
        <v>192</v>
      </c>
      <c r="K7" s="106" t="s">
        <v>192</v>
      </c>
      <c r="L7" s="105" t="s">
        <v>192</v>
      </c>
      <c r="M7" s="105" t="s">
        <v>192</v>
      </c>
      <c r="N7" s="479" t="s">
        <v>192</v>
      </c>
      <c r="O7" s="479" t="s">
        <v>192</v>
      </c>
      <c r="P7" s="479" t="s">
        <v>192</v>
      </c>
      <c r="Q7" s="478" t="s">
        <v>192</v>
      </c>
      <c r="R7" s="105" t="s">
        <v>192</v>
      </c>
      <c r="S7" s="86" t="s">
        <v>192</v>
      </c>
      <c r="T7" s="479" t="s">
        <v>192</v>
      </c>
      <c r="U7" s="479" t="s">
        <v>192</v>
      </c>
      <c r="V7" s="479" t="s">
        <v>192</v>
      </c>
      <c r="W7" s="479" t="s">
        <v>192</v>
      </c>
      <c r="X7" s="479" t="s">
        <v>192</v>
      </c>
      <c r="Y7" s="479" t="s">
        <v>192</v>
      </c>
    </row>
    <row r="8" spans="1:25" ht="20.25" customHeight="1">
      <c r="A8" s="364"/>
      <c r="B8" s="372">
        <v>332287</v>
      </c>
      <c r="C8" s="365" t="s">
        <v>194</v>
      </c>
      <c r="D8" s="366"/>
      <c r="E8" s="373">
        <v>-1793</v>
      </c>
      <c r="F8" s="374">
        <v>-775</v>
      </c>
      <c r="G8" s="375">
        <v>-1018</v>
      </c>
      <c r="H8" s="373">
        <v>-3216</v>
      </c>
      <c r="I8" s="374">
        <v>-1642</v>
      </c>
      <c r="J8" s="376">
        <v>-1574</v>
      </c>
      <c r="K8" s="373">
        <v>1634</v>
      </c>
      <c r="L8" s="374">
        <v>823</v>
      </c>
      <c r="M8" s="376">
        <v>811</v>
      </c>
      <c r="N8" s="375">
        <v>4850</v>
      </c>
      <c r="O8" s="373">
        <v>2465</v>
      </c>
      <c r="P8" s="373">
        <v>2385</v>
      </c>
      <c r="Q8" s="373">
        <v>1423</v>
      </c>
      <c r="R8" s="374">
        <v>867</v>
      </c>
      <c r="S8" s="376">
        <v>556</v>
      </c>
      <c r="T8" s="375">
        <v>15080</v>
      </c>
      <c r="U8" s="373">
        <v>7551</v>
      </c>
      <c r="V8" s="373">
        <v>7529</v>
      </c>
      <c r="W8" s="373">
        <v>13657</v>
      </c>
      <c r="X8" s="373">
        <v>6684</v>
      </c>
      <c r="Y8" s="373">
        <v>6973</v>
      </c>
    </row>
    <row r="9" spans="1:25" ht="12.75" customHeight="1">
      <c r="A9" s="367"/>
      <c r="B9" s="385"/>
      <c r="C9" s="341"/>
      <c r="D9" s="368"/>
      <c r="E9" s="323"/>
      <c r="F9" s="307"/>
      <c r="G9" s="369"/>
      <c r="H9" s="323"/>
      <c r="I9" s="307"/>
      <c r="J9" s="324"/>
      <c r="K9" s="323"/>
      <c r="L9" s="307"/>
      <c r="M9" s="324"/>
      <c r="N9" s="369"/>
      <c r="O9" s="323"/>
      <c r="P9" s="307"/>
      <c r="Q9" s="323"/>
      <c r="R9" s="307"/>
      <c r="S9" s="324"/>
      <c r="T9" s="369"/>
      <c r="U9" s="307"/>
      <c r="V9" s="369"/>
      <c r="W9" s="323"/>
      <c r="X9" s="307"/>
      <c r="Y9" s="369"/>
    </row>
    <row r="10" spans="1:25" ht="20.25" customHeight="1">
      <c r="A10" s="364" t="s">
        <v>517</v>
      </c>
      <c r="B10" s="377">
        <v>20422</v>
      </c>
      <c r="C10" s="378" t="s">
        <v>518</v>
      </c>
      <c r="D10" s="366" t="s">
        <v>519</v>
      </c>
      <c r="E10" s="320">
        <v>1907</v>
      </c>
      <c r="F10" s="304">
        <v>954</v>
      </c>
      <c r="G10" s="379">
        <v>953</v>
      </c>
      <c r="H10" s="320">
        <v>1629</v>
      </c>
      <c r="I10" s="304">
        <v>821</v>
      </c>
      <c r="J10" s="321">
        <v>808</v>
      </c>
      <c r="K10" s="320">
        <v>1634</v>
      </c>
      <c r="L10" s="304">
        <v>823</v>
      </c>
      <c r="M10" s="304">
        <v>811</v>
      </c>
      <c r="N10" s="320">
        <v>5</v>
      </c>
      <c r="O10" s="320">
        <v>2</v>
      </c>
      <c r="P10" s="320">
        <v>3</v>
      </c>
      <c r="Q10" s="320">
        <v>278</v>
      </c>
      <c r="R10" s="304">
        <v>133</v>
      </c>
      <c r="S10" s="321">
        <v>145</v>
      </c>
      <c r="T10" s="320">
        <v>1092</v>
      </c>
      <c r="U10" s="304">
        <v>559</v>
      </c>
      <c r="V10" s="379">
        <v>533</v>
      </c>
      <c r="W10" s="320">
        <v>814</v>
      </c>
      <c r="X10" s="304">
        <v>426</v>
      </c>
      <c r="Y10" s="379">
        <v>388</v>
      </c>
    </row>
    <row r="11" spans="1:25" ht="20.25" customHeight="1">
      <c r="A11" s="370"/>
      <c r="B11" s="377">
        <v>27288</v>
      </c>
      <c r="C11" s="380" t="s">
        <v>520</v>
      </c>
      <c r="D11" s="480"/>
      <c r="E11" s="320">
        <v>-9</v>
      </c>
      <c r="F11" s="304">
        <v>-20</v>
      </c>
      <c r="G11" s="379">
        <v>11</v>
      </c>
      <c r="H11" s="320">
        <v>-4</v>
      </c>
      <c r="I11" s="304">
        <v>-2</v>
      </c>
      <c r="J11" s="321">
        <v>-2</v>
      </c>
      <c r="K11" s="320" t="s">
        <v>72</v>
      </c>
      <c r="L11" s="304" t="s">
        <v>72</v>
      </c>
      <c r="M11" s="321" t="s">
        <v>72</v>
      </c>
      <c r="N11" s="320">
        <v>4</v>
      </c>
      <c r="O11" s="320">
        <v>2</v>
      </c>
      <c r="P11" s="320">
        <v>2</v>
      </c>
      <c r="Q11" s="320">
        <v>-5</v>
      </c>
      <c r="R11" s="304">
        <v>-18</v>
      </c>
      <c r="S11" s="321">
        <v>13</v>
      </c>
      <c r="T11" s="320">
        <v>685</v>
      </c>
      <c r="U11" s="304">
        <v>321</v>
      </c>
      <c r="V11" s="379">
        <v>364</v>
      </c>
      <c r="W11" s="320">
        <v>690</v>
      </c>
      <c r="X11" s="304">
        <v>339</v>
      </c>
      <c r="Y11" s="379">
        <v>351</v>
      </c>
    </row>
    <row r="12" spans="1:25" ht="20.25" customHeight="1">
      <c r="A12" s="1038" t="s">
        <v>435</v>
      </c>
      <c r="B12" s="377">
        <v>28594</v>
      </c>
      <c r="C12" s="380" t="s">
        <v>521</v>
      </c>
      <c r="D12" s="1040" t="s">
        <v>522</v>
      </c>
      <c r="E12" s="320">
        <v>-554</v>
      </c>
      <c r="F12" s="304">
        <v>-152</v>
      </c>
      <c r="G12" s="379">
        <v>-402</v>
      </c>
      <c r="H12" s="320">
        <v>-14</v>
      </c>
      <c r="I12" s="304">
        <v>-8</v>
      </c>
      <c r="J12" s="321">
        <v>-6</v>
      </c>
      <c r="K12" s="320" t="s">
        <v>72</v>
      </c>
      <c r="L12" s="304" t="s">
        <v>72</v>
      </c>
      <c r="M12" s="321" t="s">
        <v>72</v>
      </c>
      <c r="N12" s="320">
        <v>14</v>
      </c>
      <c r="O12" s="320">
        <v>8</v>
      </c>
      <c r="P12" s="320">
        <v>6</v>
      </c>
      <c r="Q12" s="320">
        <v>-540</v>
      </c>
      <c r="R12" s="304">
        <v>-144</v>
      </c>
      <c r="S12" s="321">
        <v>-396</v>
      </c>
      <c r="T12" s="320">
        <v>5312</v>
      </c>
      <c r="U12" s="304">
        <v>2552</v>
      </c>
      <c r="V12" s="379">
        <v>2760</v>
      </c>
      <c r="W12" s="320">
        <v>5852</v>
      </c>
      <c r="X12" s="304">
        <v>2696</v>
      </c>
      <c r="Y12" s="379">
        <v>3156</v>
      </c>
    </row>
    <row r="13" spans="1:25" ht="20.25" customHeight="1">
      <c r="A13" s="1038"/>
      <c r="B13" s="377">
        <v>30185</v>
      </c>
      <c r="C13" s="380" t="s">
        <v>523</v>
      </c>
      <c r="D13" s="1040"/>
      <c r="E13" s="320">
        <v>441</v>
      </c>
      <c r="F13" s="304">
        <v>240</v>
      </c>
      <c r="G13" s="379">
        <v>201</v>
      </c>
      <c r="H13" s="320">
        <v>-18</v>
      </c>
      <c r="I13" s="304">
        <v>-12</v>
      </c>
      <c r="J13" s="321">
        <v>-6</v>
      </c>
      <c r="K13" s="320" t="s">
        <v>72</v>
      </c>
      <c r="L13" s="304" t="s">
        <v>72</v>
      </c>
      <c r="M13" s="321" t="s">
        <v>72</v>
      </c>
      <c r="N13" s="320">
        <v>18</v>
      </c>
      <c r="O13" s="320">
        <v>12</v>
      </c>
      <c r="P13" s="320">
        <v>6</v>
      </c>
      <c r="Q13" s="320">
        <v>459</v>
      </c>
      <c r="R13" s="304">
        <v>252</v>
      </c>
      <c r="S13" s="321">
        <v>207</v>
      </c>
      <c r="T13" s="320">
        <v>3067</v>
      </c>
      <c r="U13" s="304">
        <v>1611</v>
      </c>
      <c r="V13" s="379">
        <v>1456</v>
      </c>
      <c r="W13" s="320">
        <v>2608</v>
      </c>
      <c r="X13" s="304">
        <v>1359</v>
      </c>
      <c r="Y13" s="379">
        <v>1249</v>
      </c>
    </row>
    <row r="14" spans="1:25" ht="20.25" customHeight="1">
      <c r="A14" s="1038"/>
      <c r="B14" s="355">
        <v>42785</v>
      </c>
      <c r="C14" s="381" t="s">
        <v>524</v>
      </c>
      <c r="D14" s="1040"/>
      <c r="E14" s="323">
        <v>168</v>
      </c>
      <c r="F14" s="307">
        <v>65</v>
      </c>
      <c r="G14" s="369">
        <v>103</v>
      </c>
      <c r="H14" s="307">
        <v>-58</v>
      </c>
      <c r="I14" s="307">
        <v>-35</v>
      </c>
      <c r="J14" s="324">
        <v>-23</v>
      </c>
      <c r="K14" s="307" t="s">
        <v>72</v>
      </c>
      <c r="L14" s="307" t="s">
        <v>72</v>
      </c>
      <c r="M14" s="324" t="s">
        <v>72</v>
      </c>
      <c r="N14" s="323">
        <v>58</v>
      </c>
      <c r="O14" s="323">
        <v>35</v>
      </c>
      <c r="P14" s="323">
        <v>23</v>
      </c>
      <c r="Q14" s="323">
        <v>226</v>
      </c>
      <c r="R14" s="307">
        <v>100</v>
      </c>
      <c r="S14" s="324">
        <v>126</v>
      </c>
      <c r="T14" s="323">
        <v>1634</v>
      </c>
      <c r="U14" s="307">
        <v>838</v>
      </c>
      <c r="V14" s="369">
        <v>796</v>
      </c>
      <c r="W14" s="323">
        <v>1408</v>
      </c>
      <c r="X14" s="307">
        <v>738</v>
      </c>
      <c r="Y14" s="369">
        <v>670</v>
      </c>
    </row>
    <row r="15" spans="1:25" ht="20.25" customHeight="1">
      <c r="A15" s="1038"/>
      <c r="B15" s="377">
        <v>49268</v>
      </c>
      <c r="C15" s="380" t="s">
        <v>525</v>
      </c>
      <c r="D15" s="1040"/>
      <c r="E15" s="320">
        <v>234</v>
      </c>
      <c r="F15" s="304">
        <v>138</v>
      </c>
      <c r="G15" s="379">
        <v>96</v>
      </c>
      <c r="H15" s="320">
        <v>-150</v>
      </c>
      <c r="I15" s="304">
        <v>-88</v>
      </c>
      <c r="J15" s="321">
        <v>-62</v>
      </c>
      <c r="K15" s="320" t="s">
        <v>72</v>
      </c>
      <c r="L15" s="304" t="s">
        <v>72</v>
      </c>
      <c r="M15" s="304" t="s">
        <v>72</v>
      </c>
      <c r="N15" s="320">
        <v>150</v>
      </c>
      <c r="O15" s="320">
        <v>88</v>
      </c>
      <c r="P15" s="320">
        <v>62</v>
      </c>
      <c r="Q15" s="320">
        <v>384</v>
      </c>
      <c r="R15" s="304">
        <v>226</v>
      </c>
      <c r="S15" s="321">
        <v>158</v>
      </c>
      <c r="T15" s="320">
        <v>1331</v>
      </c>
      <c r="U15" s="304">
        <v>717</v>
      </c>
      <c r="V15" s="379">
        <v>614</v>
      </c>
      <c r="W15" s="320">
        <v>947</v>
      </c>
      <c r="X15" s="304">
        <v>491</v>
      </c>
      <c r="Y15" s="379">
        <v>456</v>
      </c>
    </row>
    <row r="16" spans="1:25" ht="20.25" customHeight="1">
      <c r="A16" s="1038"/>
      <c r="B16" s="377">
        <v>41639</v>
      </c>
      <c r="C16" s="380" t="s">
        <v>526</v>
      </c>
      <c r="D16" s="1040"/>
      <c r="E16" s="320">
        <v>-14</v>
      </c>
      <c r="F16" s="304">
        <v>-51</v>
      </c>
      <c r="G16" s="379">
        <v>37</v>
      </c>
      <c r="H16" s="320">
        <v>-301</v>
      </c>
      <c r="I16" s="304">
        <v>-194</v>
      </c>
      <c r="J16" s="321">
        <v>-107</v>
      </c>
      <c r="K16" s="320" t="s">
        <v>72</v>
      </c>
      <c r="L16" s="304" t="s">
        <v>72</v>
      </c>
      <c r="M16" s="321" t="s">
        <v>72</v>
      </c>
      <c r="N16" s="320">
        <v>301</v>
      </c>
      <c r="O16" s="320">
        <v>194</v>
      </c>
      <c r="P16" s="320">
        <v>107</v>
      </c>
      <c r="Q16" s="320">
        <v>287</v>
      </c>
      <c r="R16" s="304">
        <v>143</v>
      </c>
      <c r="S16" s="321">
        <v>144</v>
      </c>
      <c r="T16" s="320">
        <v>818</v>
      </c>
      <c r="U16" s="304">
        <v>445</v>
      </c>
      <c r="V16" s="379">
        <v>373</v>
      </c>
      <c r="W16" s="320">
        <v>531</v>
      </c>
      <c r="X16" s="304">
        <v>302</v>
      </c>
      <c r="Y16" s="379">
        <v>229</v>
      </c>
    </row>
    <row r="17" spans="1:25" ht="20.25" customHeight="1">
      <c r="A17" s="1038"/>
      <c r="B17" s="377">
        <v>49983</v>
      </c>
      <c r="C17" s="380" t="s">
        <v>527</v>
      </c>
      <c r="D17" s="1040"/>
      <c r="E17" s="320">
        <v>-802</v>
      </c>
      <c r="F17" s="304">
        <v>-529</v>
      </c>
      <c r="G17" s="379">
        <v>-273</v>
      </c>
      <c r="H17" s="320">
        <v>-969</v>
      </c>
      <c r="I17" s="304">
        <v>-629</v>
      </c>
      <c r="J17" s="321">
        <v>-340</v>
      </c>
      <c r="K17" s="320" t="s">
        <v>72</v>
      </c>
      <c r="L17" s="304" t="s">
        <v>72</v>
      </c>
      <c r="M17" s="321" t="s">
        <v>72</v>
      </c>
      <c r="N17" s="320">
        <v>969</v>
      </c>
      <c r="O17" s="320">
        <v>629</v>
      </c>
      <c r="P17" s="320">
        <v>340</v>
      </c>
      <c r="Q17" s="320">
        <v>167</v>
      </c>
      <c r="R17" s="304">
        <v>100</v>
      </c>
      <c r="S17" s="321">
        <v>67</v>
      </c>
      <c r="T17" s="320">
        <v>620</v>
      </c>
      <c r="U17" s="304">
        <v>311</v>
      </c>
      <c r="V17" s="379">
        <v>309</v>
      </c>
      <c r="W17" s="320">
        <v>453</v>
      </c>
      <c r="X17" s="304">
        <v>211</v>
      </c>
      <c r="Y17" s="379">
        <v>242</v>
      </c>
    </row>
    <row r="18" spans="1:25" ht="20.25" customHeight="1">
      <c r="A18" s="1038"/>
      <c r="B18" s="377">
        <v>29662</v>
      </c>
      <c r="C18" s="380" t="s">
        <v>528</v>
      </c>
      <c r="D18" s="1040"/>
      <c r="E18" s="320">
        <v>-1704</v>
      </c>
      <c r="F18" s="304">
        <v>-922</v>
      </c>
      <c r="G18" s="379">
        <v>-782</v>
      </c>
      <c r="H18" s="320">
        <v>-1833</v>
      </c>
      <c r="I18" s="304">
        <v>-977</v>
      </c>
      <c r="J18" s="321">
        <v>-856</v>
      </c>
      <c r="K18" s="320" t="s">
        <v>72</v>
      </c>
      <c r="L18" s="304" t="s">
        <v>72</v>
      </c>
      <c r="M18" s="321" t="s">
        <v>72</v>
      </c>
      <c r="N18" s="320">
        <v>1833</v>
      </c>
      <c r="O18" s="320">
        <v>977</v>
      </c>
      <c r="P18" s="320">
        <v>856</v>
      </c>
      <c r="Q18" s="320">
        <v>129</v>
      </c>
      <c r="R18" s="304">
        <v>55</v>
      </c>
      <c r="S18" s="321">
        <v>74</v>
      </c>
      <c r="T18" s="320">
        <v>404</v>
      </c>
      <c r="U18" s="304">
        <v>156</v>
      </c>
      <c r="V18" s="379">
        <v>248</v>
      </c>
      <c r="W18" s="320">
        <v>275</v>
      </c>
      <c r="X18" s="304">
        <v>101</v>
      </c>
      <c r="Y18" s="379">
        <v>174</v>
      </c>
    </row>
    <row r="19" spans="1:25" ht="20.25" customHeight="1">
      <c r="A19" s="1038"/>
      <c r="B19" s="355">
        <v>7140</v>
      </c>
      <c r="C19" s="381" t="s">
        <v>529</v>
      </c>
      <c r="D19" s="1040"/>
      <c r="E19" s="323">
        <v>-1333</v>
      </c>
      <c r="F19" s="307">
        <v>-477</v>
      </c>
      <c r="G19" s="369">
        <v>-856</v>
      </c>
      <c r="H19" s="323">
        <v>-1368</v>
      </c>
      <c r="I19" s="307">
        <v>-495</v>
      </c>
      <c r="J19" s="324">
        <v>-873</v>
      </c>
      <c r="K19" s="323" t="s">
        <v>72</v>
      </c>
      <c r="L19" s="307" t="s">
        <v>72</v>
      </c>
      <c r="M19" s="324" t="s">
        <v>72</v>
      </c>
      <c r="N19" s="323">
        <v>1368</v>
      </c>
      <c r="O19" s="323">
        <v>495</v>
      </c>
      <c r="P19" s="323">
        <v>873</v>
      </c>
      <c r="Q19" s="323">
        <v>35</v>
      </c>
      <c r="R19" s="307">
        <v>18</v>
      </c>
      <c r="S19" s="324">
        <v>17</v>
      </c>
      <c r="T19" s="323">
        <v>114</v>
      </c>
      <c r="U19" s="307">
        <v>39</v>
      </c>
      <c r="V19" s="369">
        <v>75</v>
      </c>
      <c r="W19" s="323">
        <v>79</v>
      </c>
      <c r="X19" s="307">
        <v>21</v>
      </c>
      <c r="Y19" s="369">
        <v>58</v>
      </c>
    </row>
    <row r="20" spans="1:25" ht="20.25" customHeight="1" thickBot="1">
      <c r="A20" s="1039"/>
      <c r="B20" s="881">
        <v>260</v>
      </c>
      <c r="C20" s="247" t="s">
        <v>457</v>
      </c>
      <c r="D20" s="882"/>
      <c r="E20" s="883">
        <v>-125</v>
      </c>
      <c r="F20" s="884">
        <v>-20</v>
      </c>
      <c r="G20" s="885">
        <v>-105</v>
      </c>
      <c r="H20" s="884">
        <v>-128</v>
      </c>
      <c r="I20" s="884">
        <v>-22</v>
      </c>
      <c r="J20" s="886">
        <v>-106</v>
      </c>
      <c r="K20" s="883" t="s">
        <v>72</v>
      </c>
      <c r="L20" s="884" t="s">
        <v>72</v>
      </c>
      <c r="M20" s="884" t="s">
        <v>72</v>
      </c>
      <c r="N20" s="883">
        <v>128</v>
      </c>
      <c r="O20" s="883">
        <v>22</v>
      </c>
      <c r="P20" s="883">
        <v>106</v>
      </c>
      <c r="Q20" s="883">
        <v>3</v>
      </c>
      <c r="R20" s="884">
        <v>2</v>
      </c>
      <c r="S20" s="886">
        <v>1</v>
      </c>
      <c r="T20" s="883">
        <v>3</v>
      </c>
      <c r="U20" s="884">
        <v>2</v>
      </c>
      <c r="V20" s="885">
        <v>1</v>
      </c>
      <c r="W20" s="883">
        <v>0</v>
      </c>
      <c r="X20" s="884">
        <v>0</v>
      </c>
      <c r="Y20" s="885">
        <v>0</v>
      </c>
    </row>
    <row r="21" spans="1:25" ht="20.25" customHeight="1" thickTop="1">
      <c r="A21" s="371"/>
      <c r="B21" s="481" t="s">
        <v>192</v>
      </c>
      <c r="C21" s="239"/>
      <c r="D21" s="477"/>
      <c r="E21" s="482" t="s">
        <v>192</v>
      </c>
      <c r="F21" s="482" t="s">
        <v>192</v>
      </c>
      <c r="G21" s="483" t="s">
        <v>192</v>
      </c>
      <c r="H21" s="484" t="s">
        <v>192</v>
      </c>
      <c r="I21" s="482" t="s">
        <v>192</v>
      </c>
      <c r="J21" s="483" t="s">
        <v>192</v>
      </c>
      <c r="K21" s="484" t="s">
        <v>192</v>
      </c>
      <c r="L21" s="482" t="s">
        <v>192</v>
      </c>
      <c r="M21" s="482" t="s">
        <v>192</v>
      </c>
      <c r="N21" s="484" t="s">
        <v>192</v>
      </c>
      <c r="O21" s="484" t="s">
        <v>192</v>
      </c>
      <c r="P21" s="484" t="s">
        <v>192</v>
      </c>
      <c r="Q21" s="482" t="s">
        <v>192</v>
      </c>
      <c r="R21" s="482" t="s">
        <v>192</v>
      </c>
      <c r="S21" s="483" t="s">
        <v>192</v>
      </c>
      <c r="T21" s="484" t="s">
        <v>192</v>
      </c>
      <c r="U21" s="482" t="s">
        <v>192</v>
      </c>
      <c r="V21" s="887" t="s">
        <v>192</v>
      </c>
      <c r="W21" s="484" t="s">
        <v>192</v>
      </c>
      <c r="X21" s="482" t="s">
        <v>192</v>
      </c>
      <c r="Y21" s="483" t="s">
        <v>192</v>
      </c>
    </row>
    <row r="22" spans="1:25" ht="20.25" customHeight="1">
      <c r="A22" s="364"/>
      <c r="B22" s="372">
        <v>334080</v>
      </c>
      <c r="C22" s="365" t="s">
        <v>194</v>
      </c>
      <c r="D22" s="366"/>
      <c r="E22" s="373">
        <v>-2039</v>
      </c>
      <c r="F22" s="374">
        <v>-1118</v>
      </c>
      <c r="G22" s="375">
        <v>-921</v>
      </c>
      <c r="H22" s="373">
        <v>-2599</v>
      </c>
      <c r="I22" s="374">
        <v>-1363</v>
      </c>
      <c r="J22" s="376">
        <v>-1236</v>
      </c>
      <c r="K22" s="373">
        <v>1730</v>
      </c>
      <c r="L22" s="374">
        <v>918</v>
      </c>
      <c r="M22" s="376">
        <v>812</v>
      </c>
      <c r="N22" s="375">
        <v>4329</v>
      </c>
      <c r="O22" s="373">
        <v>2281</v>
      </c>
      <c r="P22" s="373">
        <v>2048</v>
      </c>
      <c r="Q22" s="373">
        <v>560</v>
      </c>
      <c r="R22" s="374">
        <v>245</v>
      </c>
      <c r="S22" s="376">
        <v>315</v>
      </c>
      <c r="T22" s="375">
        <v>12862</v>
      </c>
      <c r="U22" s="374">
        <v>6554</v>
      </c>
      <c r="V22" s="376">
        <v>6308</v>
      </c>
      <c r="W22" s="373">
        <v>12302</v>
      </c>
      <c r="X22" s="374">
        <v>6309</v>
      </c>
      <c r="Y22" s="375">
        <v>5993</v>
      </c>
    </row>
    <row r="23" spans="1:25" ht="12.75" customHeight="1">
      <c r="A23" s="371"/>
      <c r="B23" s="385"/>
      <c r="C23" s="341"/>
      <c r="D23" s="368"/>
      <c r="E23" s="323"/>
      <c r="F23" s="307"/>
      <c r="G23" s="369"/>
      <c r="H23" s="323"/>
      <c r="I23" s="307"/>
      <c r="J23" s="324"/>
      <c r="K23" s="323"/>
      <c r="L23" s="307"/>
      <c r="M23" s="324"/>
      <c r="N23" s="369"/>
      <c r="O23" s="323"/>
      <c r="P23" s="307"/>
      <c r="Q23" s="323"/>
      <c r="R23" s="307"/>
      <c r="S23" s="324"/>
      <c r="T23" s="369"/>
      <c r="U23" s="307"/>
      <c r="V23" s="369"/>
      <c r="W23" s="323"/>
      <c r="X23" s="307"/>
      <c r="Y23" s="369"/>
    </row>
    <row r="24" spans="1:25" ht="20.25" customHeight="1">
      <c r="A24" s="364" t="s">
        <v>530</v>
      </c>
      <c r="B24" s="377">
        <v>21075</v>
      </c>
      <c r="C24" s="378" t="s">
        <v>518</v>
      </c>
      <c r="D24" s="366" t="s">
        <v>530</v>
      </c>
      <c r="E24" s="320">
        <v>1950</v>
      </c>
      <c r="F24" s="304">
        <v>1028</v>
      </c>
      <c r="G24" s="379">
        <v>922</v>
      </c>
      <c r="H24" s="320">
        <v>1726</v>
      </c>
      <c r="I24" s="304">
        <v>915</v>
      </c>
      <c r="J24" s="321">
        <v>811</v>
      </c>
      <c r="K24" s="320">
        <v>1730</v>
      </c>
      <c r="L24" s="304">
        <v>918</v>
      </c>
      <c r="M24" s="304">
        <v>812</v>
      </c>
      <c r="N24" s="320">
        <v>4</v>
      </c>
      <c r="O24" s="320">
        <v>3</v>
      </c>
      <c r="P24" s="320">
        <v>1</v>
      </c>
      <c r="Q24" s="320">
        <v>224</v>
      </c>
      <c r="R24" s="304">
        <v>113</v>
      </c>
      <c r="S24" s="321">
        <v>111</v>
      </c>
      <c r="T24" s="320">
        <v>1011</v>
      </c>
      <c r="U24" s="304">
        <v>500</v>
      </c>
      <c r="V24" s="379">
        <v>511</v>
      </c>
      <c r="W24" s="320">
        <v>787</v>
      </c>
      <c r="X24" s="304">
        <v>387</v>
      </c>
      <c r="Y24" s="379">
        <v>400</v>
      </c>
    </row>
    <row r="25" spans="1:25" ht="20.25" customHeight="1">
      <c r="A25" s="370"/>
      <c r="B25" s="377">
        <v>27796</v>
      </c>
      <c r="C25" s="380" t="s">
        <v>520</v>
      </c>
      <c r="D25" s="480"/>
      <c r="E25" s="320">
        <v>-50</v>
      </c>
      <c r="F25" s="304">
        <v>-67</v>
      </c>
      <c r="G25" s="379">
        <v>17</v>
      </c>
      <c r="H25" s="320">
        <v>-4</v>
      </c>
      <c r="I25" s="304">
        <v>-2</v>
      </c>
      <c r="J25" s="321">
        <v>-2</v>
      </c>
      <c r="K25" s="320" t="s">
        <v>72</v>
      </c>
      <c r="L25" s="304" t="s">
        <v>72</v>
      </c>
      <c r="M25" s="321" t="s">
        <v>72</v>
      </c>
      <c r="N25" s="320">
        <v>4</v>
      </c>
      <c r="O25" s="320">
        <v>2</v>
      </c>
      <c r="P25" s="320">
        <v>2</v>
      </c>
      <c r="Q25" s="320">
        <v>-46</v>
      </c>
      <c r="R25" s="304">
        <v>-65</v>
      </c>
      <c r="S25" s="321">
        <v>19</v>
      </c>
      <c r="T25" s="320">
        <v>587</v>
      </c>
      <c r="U25" s="304">
        <v>266</v>
      </c>
      <c r="V25" s="379">
        <v>321</v>
      </c>
      <c r="W25" s="320">
        <v>633</v>
      </c>
      <c r="X25" s="304">
        <v>331</v>
      </c>
      <c r="Y25" s="379">
        <v>302</v>
      </c>
    </row>
    <row r="26" spans="1:25" ht="20.25" customHeight="1">
      <c r="A26" s="1038" t="s">
        <v>461</v>
      </c>
      <c r="B26" s="377">
        <v>28727</v>
      </c>
      <c r="C26" s="380" t="s">
        <v>521</v>
      </c>
      <c r="D26" s="1040" t="s">
        <v>531</v>
      </c>
      <c r="E26" s="320">
        <v>-563</v>
      </c>
      <c r="F26" s="304">
        <v>-304</v>
      </c>
      <c r="G26" s="379">
        <v>-259</v>
      </c>
      <c r="H26" s="320">
        <v>-8</v>
      </c>
      <c r="I26" s="304">
        <v>-7</v>
      </c>
      <c r="J26" s="321">
        <v>-1</v>
      </c>
      <c r="K26" s="320" t="s">
        <v>72</v>
      </c>
      <c r="L26" s="304" t="s">
        <v>72</v>
      </c>
      <c r="M26" s="321" t="s">
        <v>72</v>
      </c>
      <c r="N26" s="320">
        <v>8</v>
      </c>
      <c r="O26" s="320">
        <v>7</v>
      </c>
      <c r="P26" s="320">
        <v>1</v>
      </c>
      <c r="Q26" s="320">
        <v>-555</v>
      </c>
      <c r="R26" s="304">
        <v>-297</v>
      </c>
      <c r="S26" s="321">
        <v>-258</v>
      </c>
      <c r="T26" s="320">
        <v>4330</v>
      </c>
      <c r="U26" s="304">
        <v>2117</v>
      </c>
      <c r="V26" s="379">
        <v>2213</v>
      </c>
      <c r="W26" s="320">
        <v>4885</v>
      </c>
      <c r="X26" s="304">
        <v>2414</v>
      </c>
      <c r="Y26" s="379">
        <v>2471</v>
      </c>
    </row>
    <row r="27" spans="1:25" ht="20.25" customHeight="1">
      <c r="A27" s="1038"/>
      <c r="B27" s="377">
        <v>30565</v>
      </c>
      <c r="C27" s="380" t="s">
        <v>523</v>
      </c>
      <c r="D27" s="1040"/>
      <c r="E27" s="320">
        <v>141</v>
      </c>
      <c r="F27" s="304">
        <v>94</v>
      </c>
      <c r="G27" s="379">
        <v>47</v>
      </c>
      <c r="H27" s="320">
        <v>-23</v>
      </c>
      <c r="I27" s="304">
        <v>-17</v>
      </c>
      <c r="J27" s="321">
        <v>-6</v>
      </c>
      <c r="K27" s="320" t="s">
        <v>72</v>
      </c>
      <c r="L27" s="304" t="s">
        <v>72</v>
      </c>
      <c r="M27" s="321" t="s">
        <v>72</v>
      </c>
      <c r="N27" s="320">
        <v>23</v>
      </c>
      <c r="O27" s="320">
        <v>17</v>
      </c>
      <c r="P27" s="320">
        <v>6</v>
      </c>
      <c r="Q27" s="320">
        <v>164</v>
      </c>
      <c r="R27" s="304">
        <v>111</v>
      </c>
      <c r="S27" s="321">
        <v>53</v>
      </c>
      <c r="T27" s="320">
        <v>2608</v>
      </c>
      <c r="U27" s="304">
        <v>1434</v>
      </c>
      <c r="V27" s="379">
        <v>1174</v>
      </c>
      <c r="W27" s="320">
        <v>2444</v>
      </c>
      <c r="X27" s="304">
        <v>1323</v>
      </c>
      <c r="Y27" s="379">
        <v>1121</v>
      </c>
    </row>
    <row r="28" spans="1:25" ht="20.25" customHeight="1">
      <c r="A28" s="1038"/>
      <c r="B28" s="355">
        <v>44422</v>
      </c>
      <c r="C28" s="381" t="s">
        <v>524</v>
      </c>
      <c r="D28" s="1040"/>
      <c r="E28" s="323">
        <v>139</v>
      </c>
      <c r="F28" s="307">
        <v>58</v>
      </c>
      <c r="G28" s="369">
        <v>81</v>
      </c>
      <c r="H28" s="307">
        <v>-56</v>
      </c>
      <c r="I28" s="307">
        <v>-31</v>
      </c>
      <c r="J28" s="324">
        <v>-25</v>
      </c>
      <c r="K28" s="307" t="s">
        <v>72</v>
      </c>
      <c r="L28" s="307" t="s">
        <v>72</v>
      </c>
      <c r="M28" s="324" t="s">
        <v>72</v>
      </c>
      <c r="N28" s="323">
        <v>56</v>
      </c>
      <c r="O28" s="323">
        <v>31</v>
      </c>
      <c r="P28" s="323">
        <v>25</v>
      </c>
      <c r="Q28" s="323">
        <v>195</v>
      </c>
      <c r="R28" s="307">
        <v>89</v>
      </c>
      <c r="S28" s="324">
        <v>106</v>
      </c>
      <c r="T28" s="323">
        <v>1494</v>
      </c>
      <c r="U28" s="307">
        <v>828</v>
      </c>
      <c r="V28" s="369">
        <v>666</v>
      </c>
      <c r="W28" s="323">
        <v>1299</v>
      </c>
      <c r="X28" s="307">
        <v>739</v>
      </c>
      <c r="Y28" s="369">
        <v>560</v>
      </c>
    </row>
    <row r="29" spans="1:25" ht="20.25" customHeight="1">
      <c r="A29" s="1038"/>
      <c r="B29" s="377">
        <v>47921</v>
      </c>
      <c r="C29" s="380" t="s">
        <v>525</v>
      </c>
      <c r="D29" s="1040"/>
      <c r="E29" s="320">
        <v>84</v>
      </c>
      <c r="F29" s="304">
        <v>5</v>
      </c>
      <c r="G29" s="379">
        <v>79</v>
      </c>
      <c r="H29" s="320">
        <v>-144</v>
      </c>
      <c r="I29" s="304">
        <v>-96</v>
      </c>
      <c r="J29" s="321">
        <v>-48</v>
      </c>
      <c r="K29" s="320" t="s">
        <v>72</v>
      </c>
      <c r="L29" s="304" t="s">
        <v>72</v>
      </c>
      <c r="M29" s="304" t="s">
        <v>72</v>
      </c>
      <c r="N29" s="320">
        <v>144</v>
      </c>
      <c r="O29" s="320">
        <v>96</v>
      </c>
      <c r="P29" s="320">
        <v>48</v>
      </c>
      <c r="Q29" s="320">
        <v>228</v>
      </c>
      <c r="R29" s="304">
        <v>101</v>
      </c>
      <c r="S29" s="321">
        <v>127</v>
      </c>
      <c r="T29" s="320">
        <v>1116</v>
      </c>
      <c r="U29" s="304">
        <v>604</v>
      </c>
      <c r="V29" s="379">
        <v>512</v>
      </c>
      <c r="W29" s="320">
        <v>888</v>
      </c>
      <c r="X29" s="304">
        <v>503</v>
      </c>
      <c r="Y29" s="379">
        <v>385</v>
      </c>
    </row>
    <row r="30" spans="1:25" ht="20.25" customHeight="1">
      <c r="A30" s="1038"/>
      <c r="B30" s="377">
        <v>42426</v>
      </c>
      <c r="C30" s="380" t="s">
        <v>526</v>
      </c>
      <c r="D30" s="1040"/>
      <c r="E30" s="320">
        <v>-182</v>
      </c>
      <c r="F30" s="304">
        <v>-139</v>
      </c>
      <c r="G30" s="379">
        <v>-43</v>
      </c>
      <c r="H30" s="320">
        <v>-319</v>
      </c>
      <c r="I30" s="304">
        <v>-226</v>
      </c>
      <c r="J30" s="321">
        <v>-93</v>
      </c>
      <c r="K30" s="320" t="s">
        <v>72</v>
      </c>
      <c r="L30" s="304" t="s">
        <v>72</v>
      </c>
      <c r="M30" s="321" t="s">
        <v>72</v>
      </c>
      <c r="N30" s="320">
        <v>319</v>
      </c>
      <c r="O30" s="320">
        <v>226</v>
      </c>
      <c r="P30" s="320">
        <v>93</v>
      </c>
      <c r="Q30" s="320">
        <v>137</v>
      </c>
      <c r="R30" s="304">
        <v>87</v>
      </c>
      <c r="S30" s="321">
        <v>50</v>
      </c>
      <c r="T30" s="320">
        <v>684</v>
      </c>
      <c r="U30" s="304">
        <v>371</v>
      </c>
      <c r="V30" s="379">
        <v>313</v>
      </c>
      <c r="W30" s="320">
        <v>547</v>
      </c>
      <c r="X30" s="304">
        <v>284</v>
      </c>
      <c r="Y30" s="379">
        <v>263</v>
      </c>
    </row>
    <row r="31" spans="1:25" ht="20.25" customHeight="1">
      <c r="A31" s="1038"/>
      <c r="B31" s="377">
        <v>50253</v>
      </c>
      <c r="C31" s="380" t="s">
        <v>527</v>
      </c>
      <c r="D31" s="1040"/>
      <c r="E31" s="320">
        <v>-764</v>
      </c>
      <c r="F31" s="304">
        <v>-508</v>
      </c>
      <c r="G31" s="379">
        <v>-256</v>
      </c>
      <c r="H31" s="320">
        <v>-880</v>
      </c>
      <c r="I31" s="304">
        <v>-577</v>
      </c>
      <c r="J31" s="321">
        <v>-303</v>
      </c>
      <c r="K31" s="320" t="s">
        <v>72</v>
      </c>
      <c r="L31" s="304" t="s">
        <v>72</v>
      </c>
      <c r="M31" s="321" t="s">
        <v>72</v>
      </c>
      <c r="N31" s="320">
        <v>880</v>
      </c>
      <c r="O31" s="320">
        <v>577</v>
      </c>
      <c r="P31" s="320">
        <v>303</v>
      </c>
      <c r="Q31" s="320">
        <v>116</v>
      </c>
      <c r="R31" s="304">
        <v>69</v>
      </c>
      <c r="S31" s="321">
        <v>47</v>
      </c>
      <c r="T31" s="320">
        <v>579</v>
      </c>
      <c r="U31" s="304">
        <v>280</v>
      </c>
      <c r="V31" s="379">
        <v>299</v>
      </c>
      <c r="W31" s="320">
        <v>463</v>
      </c>
      <c r="X31" s="304">
        <v>211</v>
      </c>
      <c r="Y31" s="379">
        <v>252</v>
      </c>
    </row>
    <row r="32" spans="1:25" ht="20.25" customHeight="1">
      <c r="A32" s="1038"/>
      <c r="B32" s="377">
        <v>28788</v>
      </c>
      <c r="C32" s="380" t="s">
        <v>528</v>
      </c>
      <c r="D32" s="1040"/>
      <c r="E32" s="320">
        <v>-1563</v>
      </c>
      <c r="F32" s="304">
        <v>-858</v>
      </c>
      <c r="G32" s="379">
        <v>-705</v>
      </c>
      <c r="H32" s="320">
        <v>-1622</v>
      </c>
      <c r="I32" s="304">
        <v>-883</v>
      </c>
      <c r="J32" s="321">
        <v>-739</v>
      </c>
      <c r="K32" s="320" t="s">
        <v>72</v>
      </c>
      <c r="L32" s="304" t="s">
        <v>72</v>
      </c>
      <c r="M32" s="321" t="s">
        <v>72</v>
      </c>
      <c r="N32" s="320">
        <v>1622</v>
      </c>
      <c r="O32" s="320">
        <v>883</v>
      </c>
      <c r="P32" s="320">
        <v>739</v>
      </c>
      <c r="Q32" s="320">
        <v>59</v>
      </c>
      <c r="R32" s="304">
        <v>25</v>
      </c>
      <c r="S32" s="321">
        <v>34</v>
      </c>
      <c r="T32" s="320">
        <v>338</v>
      </c>
      <c r="U32" s="304">
        <v>124</v>
      </c>
      <c r="V32" s="379">
        <v>214</v>
      </c>
      <c r="W32" s="320">
        <v>279</v>
      </c>
      <c r="X32" s="304">
        <v>99</v>
      </c>
      <c r="Y32" s="379">
        <v>180</v>
      </c>
    </row>
    <row r="33" spans="1:25" ht="20.25" customHeight="1">
      <c r="A33" s="1038"/>
      <c r="B33" s="355">
        <v>6785</v>
      </c>
      <c r="C33" s="381" t="s">
        <v>529</v>
      </c>
      <c r="D33" s="1040"/>
      <c r="E33" s="323">
        <v>-1125</v>
      </c>
      <c r="F33" s="307">
        <v>-407</v>
      </c>
      <c r="G33" s="369">
        <v>-718</v>
      </c>
      <c r="H33" s="323">
        <v>-1160</v>
      </c>
      <c r="I33" s="307">
        <v>-418</v>
      </c>
      <c r="J33" s="324">
        <v>-742</v>
      </c>
      <c r="K33" s="323" t="s">
        <v>72</v>
      </c>
      <c r="L33" s="307" t="s">
        <v>72</v>
      </c>
      <c r="M33" s="324" t="s">
        <v>72</v>
      </c>
      <c r="N33" s="323">
        <v>1160</v>
      </c>
      <c r="O33" s="323">
        <v>418</v>
      </c>
      <c r="P33" s="323">
        <v>742</v>
      </c>
      <c r="Q33" s="323">
        <v>35</v>
      </c>
      <c r="R33" s="307">
        <v>11</v>
      </c>
      <c r="S33" s="324">
        <v>24</v>
      </c>
      <c r="T33" s="323">
        <v>111</v>
      </c>
      <c r="U33" s="307">
        <v>29</v>
      </c>
      <c r="V33" s="369">
        <v>82</v>
      </c>
      <c r="W33" s="323">
        <v>76</v>
      </c>
      <c r="X33" s="307">
        <v>18</v>
      </c>
      <c r="Y33" s="369">
        <v>58</v>
      </c>
    </row>
    <row r="34" spans="1:25" ht="20.25" customHeight="1" thickBot="1">
      <c r="A34" s="1039"/>
      <c r="B34" s="881">
        <v>259</v>
      </c>
      <c r="C34" s="247" t="s">
        <v>457</v>
      </c>
      <c r="D34" s="882"/>
      <c r="E34" s="883">
        <v>-104</v>
      </c>
      <c r="F34" s="884">
        <v>-19</v>
      </c>
      <c r="G34" s="885">
        <v>-85</v>
      </c>
      <c r="H34" s="884">
        <v>-107</v>
      </c>
      <c r="I34" s="884">
        <v>-20</v>
      </c>
      <c r="J34" s="886">
        <v>-87</v>
      </c>
      <c r="K34" s="883" t="s">
        <v>72</v>
      </c>
      <c r="L34" s="884" t="s">
        <v>72</v>
      </c>
      <c r="M34" s="884" t="s">
        <v>72</v>
      </c>
      <c r="N34" s="883">
        <v>107</v>
      </c>
      <c r="O34" s="883">
        <v>20</v>
      </c>
      <c r="P34" s="883">
        <v>87</v>
      </c>
      <c r="Q34" s="883">
        <v>3</v>
      </c>
      <c r="R34" s="884">
        <v>1</v>
      </c>
      <c r="S34" s="886">
        <v>2</v>
      </c>
      <c r="T34" s="883">
        <v>4</v>
      </c>
      <c r="U34" s="884">
        <v>1</v>
      </c>
      <c r="V34" s="885">
        <v>3</v>
      </c>
      <c r="W34" s="883">
        <v>1</v>
      </c>
      <c r="X34" s="884">
        <v>0</v>
      </c>
      <c r="Y34" s="885">
        <v>1</v>
      </c>
    </row>
    <row r="35" spans="1:25" ht="20.25" customHeight="1" thickTop="1">
      <c r="A35" s="371"/>
      <c r="B35" s="481" t="s">
        <v>192</v>
      </c>
      <c r="C35" s="239"/>
      <c r="D35" s="477"/>
      <c r="E35" s="482" t="s">
        <v>192</v>
      </c>
      <c r="F35" s="482" t="s">
        <v>192</v>
      </c>
      <c r="G35" s="483" t="s">
        <v>192</v>
      </c>
      <c r="H35" s="484" t="s">
        <v>192</v>
      </c>
      <c r="I35" s="482" t="s">
        <v>192</v>
      </c>
      <c r="J35" s="483" t="s">
        <v>192</v>
      </c>
      <c r="K35" s="484" t="s">
        <v>192</v>
      </c>
      <c r="L35" s="482" t="s">
        <v>192</v>
      </c>
      <c r="M35" s="482" t="s">
        <v>192</v>
      </c>
      <c r="N35" s="484" t="s">
        <v>192</v>
      </c>
      <c r="O35" s="484" t="s">
        <v>192</v>
      </c>
      <c r="P35" s="484" t="s">
        <v>192</v>
      </c>
      <c r="Q35" s="482" t="s">
        <v>192</v>
      </c>
      <c r="R35" s="482" t="s">
        <v>192</v>
      </c>
      <c r="S35" s="483" t="s">
        <v>192</v>
      </c>
      <c r="T35" s="484" t="s">
        <v>192</v>
      </c>
      <c r="U35" s="482" t="s">
        <v>192</v>
      </c>
      <c r="V35" s="483" t="s">
        <v>192</v>
      </c>
      <c r="W35" s="484" t="s">
        <v>192</v>
      </c>
      <c r="X35" s="482" t="s">
        <v>192</v>
      </c>
      <c r="Y35" s="483" t="s">
        <v>192</v>
      </c>
    </row>
    <row r="36" spans="1:25" ht="20.25" customHeight="1">
      <c r="A36" s="371" t="s">
        <v>517</v>
      </c>
      <c r="B36" s="485">
        <v>-1793</v>
      </c>
      <c r="C36" s="365" t="s">
        <v>194</v>
      </c>
      <c r="D36" s="371" t="s">
        <v>517</v>
      </c>
      <c r="E36" s="373">
        <v>246</v>
      </c>
      <c r="F36" s="373">
        <v>343</v>
      </c>
      <c r="G36" s="373">
        <v>-97</v>
      </c>
      <c r="H36" s="373">
        <v>-617</v>
      </c>
      <c r="I36" s="373">
        <v>-279</v>
      </c>
      <c r="J36" s="373">
        <v>-338</v>
      </c>
      <c r="K36" s="373">
        <v>-96</v>
      </c>
      <c r="L36" s="373">
        <v>-95</v>
      </c>
      <c r="M36" s="373">
        <v>-1</v>
      </c>
      <c r="N36" s="373">
        <v>521</v>
      </c>
      <c r="O36" s="373">
        <v>184</v>
      </c>
      <c r="P36" s="373">
        <v>337</v>
      </c>
      <c r="Q36" s="373">
        <v>863</v>
      </c>
      <c r="R36" s="373">
        <v>622</v>
      </c>
      <c r="S36" s="373">
        <v>241</v>
      </c>
      <c r="T36" s="373">
        <v>2218</v>
      </c>
      <c r="U36" s="373">
        <v>997</v>
      </c>
      <c r="V36" s="373">
        <v>1221</v>
      </c>
      <c r="W36" s="373">
        <v>1355</v>
      </c>
      <c r="X36" s="373">
        <v>375</v>
      </c>
      <c r="Y36" s="373">
        <v>980</v>
      </c>
    </row>
    <row r="37" spans="1:25" ht="12.75" customHeight="1">
      <c r="A37" s="371" t="s">
        <v>532</v>
      </c>
      <c r="B37" s="382"/>
      <c r="C37" s="341"/>
      <c r="D37" s="368" t="s">
        <v>532</v>
      </c>
      <c r="E37" s="383"/>
      <c r="F37" s="383"/>
      <c r="G37" s="383"/>
      <c r="H37" s="383"/>
      <c r="I37" s="383"/>
      <c r="J37" s="383"/>
      <c r="K37" s="383"/>
      <c r="L37" s="383"/>
      <c r="M37" s="383"/>
      <c r="N37" s="383"/>
      <c r="O37" s="383"/>
      <c r="P37" s="383"/>
      <c r="Q37" s="383"/>
      <c r="R37" s="383"/>
      <c r="S37" s="383"/>
      <c r="T37" s="383"/>
      <c r="U37" s="383"/>
      <c r="V37" s="383"/>
      <c r="W37" s="383"/>
      <c r="X37" s="383"/>
      <c r="Y37" s="383"/>
    </row>
    <row r="38" spans="1:25" ht="20.25" customHeight="1">
      <c r="A38" s="371" t="s">
        <v>530</v>
      </c>
      <c r="B38" s="486">
        <v>-653</v>
      </c>
      <c r="C38" s="378" t="s">
        <v>518</v>
      </c>
      <c r="D38" s="368" t="s">
        <v>530</v>
      </c>
      <c r="E38" s="373">
        <v>-43</v>
      </c>
      <c r="F38" s="373">
        <v>-74</v>
      </c>
      <c r="G38" s="373">
        <v>31</v>
      </c>
      <c r="H38" s="373">
        <v>-97</v>
      </c>
      <c r="I38" s="373">
        <v>-94</v>
      </c>
      <c r="J38" s="373">
        <v>-3</v>
      </c>
      <c r="K38" s="373">
        <v>-96</v>
      </c>
      <c r="L38" s="373">
        <v>-95</v>
      </c>
      <c r="M38" s="373">
        <v>-1</v>
      </c>
      <c r="N38" s="373">
        <v>1</v>
      </c>
      <c r="O38" s="373">
        <v>-1</v>
      </c>
      <c r="P38" s="373">
        <v>2</v>
      </c>
      <c r="Q38" s="373">
        <v>54</v>
      </c>
      <c r="R38" s="373">
        <v>20</v>
      </c>
      <c r="S38" s="373">
        <v>34</v>
      </c>
      <c r="T38" s="373">
        <v>81</v>
      </c>
      <c r="U38" s="373">
        <v>59</v>
      </c>
      <c r="V38" s="373">
        <v>22</v>
      </c>
      <c r="W38" s="373">
        <v>27</v>
      </c>
      <c r="X38" s="373">
        <v>39</v>
      </c>
      <c r="Y38" s="373">
        <v>-12</v>
      </c>
    </row>
    <row r="39" spans="1:25" ht="20.25" customHeight="1">
      <c r="A39" s="1038" t="s">
        <v>533</v>
      </c>
      <c r="B39" s="486">
        <v>-508</v>
      </c>
      <c r="C39" s="380" t="s">
        <v>520</v>
      </c>
      <c r="D39" s="1040" t="s">
        <v>534</v>
      </c>
      <c r="E39" s="373">
        <v>41</v>
      </c>
      <c r="F39" s="373">
        <v>47</v>
      </c>
      <c r="G39" s="373">
        <v>-6</v>
      </c>
      <c r="H39" s="373">
        <v>0</v>
      </c>
      <c r="I39" s="373">
        <v>0</v>
      </c>
      <c r="J39" s="373">
        <v>0</v>
      </c>
      <c r="K39" s="373" t="s">
        <v>72</v>
      </c>
      <c r="L39" s="373" t="s">
        <v>72</v>
      </c>
      <c r="M39" s="373" t="s">
        <v>72</v>
      </c>
      <c r="N39" s="373">
        <v>0</v>
      </c>
      <c r="O39" s="373">
        <v>0</v>
      </c>
      <c r="P39" s="373">
        <v>0</v>
      </c>
      <c r="Q39" s="373">
        <v>41</v>
      </c>
      <c r="R39" s="373">
        <v>47</v>
      </c>
      <c r="S39" s="373">
        <v>-6</v>
      </c>
      <c r="T39" s="373">
        <v>98</v>
      </c>
      <c r="U39" s="373">
        <v>55</v>
      </c>
      <c r="V39" s="373">
        <v>43</v>
      </c>
      <c r="W39" s="373">
        <v>57</v>
      </c>
      <c r="X39" s="373">
        <v>8</v>
      </c>
      <c r="Y39" s="373">
        <v>49</v>
      </c>
    </row>
    <row r="40" spans="1:25" ht="20.25" customHeight="1">
      <c r="A40" s="1038"/>
      <c r="B40" s="486">
        <v>-133</v>
      </c>
      <c r="C40" s="380" t="s">
        <v>521</v>
      </c>
      <c r="D40" s="1040"/>
      <c r="E40" s="373">
        <v>9</v>
      </c>
      <c r="F40" s="373">
        <v>152</v>
      </c>
      <c r="G40" s="373">
        <v>-143</v>
      </c>
      <c r="H40" s="373">
        <v>-6</v>
      </c>
      <c r="I40" s="373">
        <v>-1</v>
      </c>
      <c r="J40" s="373">
        <v>-5</v>
      </c>
      <c r="K40" s="373" t="s">
        <v>72</v>
      </c>
      <c r="L40" s="373" t="s">
        <v>72</v>
      </c>
      <c r="M40" s="373" t="s">
        <v>72</v>
      </c>
      <c r="N40" s="373">
        <v>6</v>
      </c>
      <c r="O40" s="373">
        <v>1</v>
      </c>
      <c r="P40" s="373">
        <v>5</v>
      </c>
      <c r="Q40" s="373">
        <v>15</v>
      </c>
      <c r="R40" s="373">
        <v>153</v>
      </c>
      <c r="S40" s="373">
        <v>-138</v>
      </c>
      <c r="T40" s="373">
        <v>982</v>
      </c>
      <c r="U40" s="373">
        <v>435</v>
      </c>
      <c r="V40" s="373">
        <v>547</v>
      </c>
      <c r="W40" s="373">
        <v>967</v>
      </c>
      <c r="X40" s="373">
        <v>282</v>
      </c>
      <c r="Y40" s="373">
        <v>685</v>
      </c>
    </row>
    <row r="41" spans="1:25" ht="20.25" customHeight="1">
      <c r="A41" s="1038"/>
      <c r="B41" s="486">
        <v>-380</v>
      </c>
      <c r="C41" s="380" t="s">
        <v>523</v>
      </c>
      <c r="D41" s="1040"/>
      <c r="E41" s="373">
        <v>300</v>
      </c>
      <c r="F41" s="373">
        <v>146</v>
      </c>
      <c r="G41" s="373">
        <v>154</v>
      </c>
      <c r="H41" s="373">
        <v>5</v>
      </c>
      <c r="I41" s="373">
        <v>5</v>
      </c>
      <c r="J41" s="373">
        <v>0</v>
      </c>
      <c r="K41" s="373" t="s">
        <v>72</v>
      </c>
      <c r="L41" s="373" t="s">
        <v>72</v>
      </c>
      <c r="M41" s="373" t="s">
        <v>72</v>
      </c>
      <c r="N41" s="373">
        <v>-5</v>
      </c>
      <c r="O41" s="373">
        <v>-5</v>
      </c>
      <c r="P41" s="373">
        <v>0</v>
      </c>
      <c r="Q41" s="373">
        <v>295</v>
      </c>
      <c r="R41" s="373">
        <v>141</v>
      </c>
      <c r="S41" s="373">
        <v>154</v>
      </c>
      <c r="T41" s="373">
        <v>459</v>
      </c>
      <c r="U41" s="373">
        <v>177</v>
      </c>
      <c r="V41" s="373">
        <v>282</v>
      </c>
      <c r="W41" s="373">
        <v>164</v>
      </c>
      <c r="X41" s="373">
        <v>36</v>
      </c>
      <c r="Y41" s="373">
        <v>128</v>
      </c>
    </row>
    <row r="42" spans="1:25" ht="20.25" customHeight="1">
      <c r="A42" s="1038"/>
      <c r="B42" s="486">
        <v>-1637</v>
      </c>
      <c r="C42" s="381" t="s">
        <v>524</v>
      </c>
      <c r="D42" s="1040"/>
      <c r="E42" s="383">
        <v>29</v>
      </c>
      <c r="F42" s="383">
        <v>7</v>
      </c>
      <c r="G42" s="383">
        <v>22</v>
      </c>
      <c r="H42" s="383">
        <v>-2</v>
      </c>
      <c r="I42" s="383">
        <v>-4</v>
      </c>
      <c r="J42" s="383">
        <v>2</v>
      </c>
      <c r="K42" s="383" t="s">
        <v>72</v>
      </c>
      <c r="L42" s="383" t="s">
        <v>72</v>
      </c>
      <c r="M42" s="383" t="s">
        <v>72</v>
      </c>
      <c r="N42" s="383">
        <v>2</v>
      </c>
      <c r="O42" s="383">
        <v>4</v>
      </c>
      <c r="P42" s="383">
        <v>-2</v>
      </c>
      <c r="Q42" s="383">
        <v>31</v>
      </c>
      <c r="R42" s="383">
        <v>11</v>
      </c>
      <c r="S42" s="383">
        <v>20</v>
      </c>
      <c r="T42" s="383">
        <v>140</v>
      </c>
      <c r="U42" s="383">
        <v>10</v>
      </c>
      <c r="V42" s="383">
        <v>130</v>
      </c>
      <c r="W42" s="383">
        <v>109</v>
      </c>
      <c r="X42" s="383">
        <v>-1</v>
      </c>
      <c r="Y42" s="383">
        <v>110</v>
      </c>
    </row>
    <row r="43" spans="1:25" ht="20.25" customHeight="1">
      <c r="A43" s="1038"/>
      <c r="B43" s="487">
        <v>1347</v>
      </c>
      <c r="C43" s="380" t="s">
        <v>525</v>
      </c>
      <c r="D43" s="1040"/>
      <c r="E43" s="373">
        <v>150</v>
      </c>
      <c r="F43" s="373">
        <v>133</v>
      </c>
      <c r="G43" s="373">
        <v>17</v>
      </c>
      <c r="H43" s="373">
        <v>-6</v>
      </c>
      <c r="I43" s="373">
        <v>8</v>
      </c>
      <c r="J43" s="373">
        <v>-14</v>
      </c>
      <c r="K43" s="373" t="s">
        <v>72</v>
      </c>
      <c r="L43" s="373" t="s">
        <v>72</v>
      </c>
      <c r="M43" s="373" t="s">
        <v>72</v>
      </c>
      <c r="N43" s="373">
        <v>6</v>
      </c>
      <c r="O43" s="373">
        <v>-8</v>
      </c>
      <c r="P43" s="373">
        <v>14</v>
      </c>
      <c r="Q43" s="373">
        <v>156</v>
      </c>
      <c r="R43" s="373">
        <v>125</v>
      </c>
      <c r="S43" s="373">
        <v>31</v>
      </c>
      <c r="T43" s="373">
        <v>215</v>
      </c>
      <c r="U43" s="373">
        <v>113</v>
      </c>
      <c r="V43" s="373">
        <v>102</v>
      </c>
      <c r="W43" s="373">
        <v>59</v>
      </c>
      <c r="X43" s="373">
        <v>-12</v>
      </c>
      <c r="Y43" s="373">
        <v>71</v>
      </c>
    </row>
    <row r="44" spans="1:25" ht="20.25" customHeight="1">
      <c r="A44" s="1038"/>
      <c r="B44" s="486">
        <v>-787</v>
      </c>
      <c r="C44" s="380" t="s">
        <v>526</v>
      </c>
      <c r="D44" s="1040"/>
      <c r="E44" s="373">
        <v>168</v>
      </c>
      <c r="F44" s="373">
        <v>88</v>
      </c>
      <c r="G44" s="373">
        <v>80</v>
      </c>
      <c r="H44" s="373">
        <v>18</v>
      </c>
      <c r="I44" s="373">
        <v>32</v>
      </c>
      <c r="J44" s="373">
        <v>-14</v>
      </c>
      <c r="K44" s="373" t="s">
        <v>72</v>
      </c>
      <c r="L44" s="373" t="s">
        <v>72</v>
      </c>
      <c r="M44" s="373" t="s">
        <v>72</v>
      </c>
      <c r="N44" s="373">
        <v>-18</v>
      </c>
      <c r="O44" s="373">
        <v>-32</v>
      </c>
      <c r="P44" s="373">
        <v>14</v>
      </c>
      <c r="Q44" s="373">
        <v>150</v>
      </c>
      <c r="R44" s="373">
        <v>56</v>
      </c>
      <c r="S44" s="373">
        <v>94</v>
      </c>
      <c r="T44" s="373">
        <v>134</v>
      </c>
      <c r="U44" s="373">
        <v>74</v>
      </c>
      <c r="V44" s="373">
        <v>60</v>
      </c>
      <c r="W44" s="373">
        <v>-16</v>
      </c>
      <c r="X44" s="373">
        <v>18</v>
      </c>
      <c r="Y44" s="373">
        <v>-34</v>
      </c>
    </row>
    <row r="45" spans="1:25" ht="20.25" customHeight="1">
      <c r="A45" s="1038"/>
      <c r="B45" s="486">
        <v>-270</v>
      </c>
      <c r="C45" s="380" t="s">
        <v>527</v>
      </c>
      <c r="D45" s="1040"/>
      <c r="E45" s="373">
        <v>-38</v>
      </c>
      <c r="F45" s="373">
        <v>-21</v>
      </c>
      <c r="G45" s="373">
        <v>-17</v>
      </c>
      <c r="H45" s="373">
        <v>-89</v>
      </c>
      <c r="I45" s="373">
        <v>-52</v>
      </c>
      <c r="J45" s="373">
        <v>-37</v>
      </c>
      <c r="K45" s="373" t="s">
        <v>72</v>
      </c>
      <c r="L45" s="373" t="s">
        <v>72</v>
      </c>
      <c r="M45" s="373" t="s">
        <v>72</v>
      </c>
      <c r="N45" s="373">
        <v>89</v>
      </c>
      <c r="O45" s="373">
        <v>52</v>
      </c>
      <c r="P45" s="373">
        <v>37</v>
      </c>
      <c r="Q45" s="373">
        <v>51</v>
      </c>
      <c r="R45" s="373">
        <v>31</v>
      </c>
      <c r="S45" s="373">
        <v>20</v>
      </c>
      <c r="T45" s="373">
        <v>41</v>
      </c>
      <c r="U45" s="373">
        <v>31</v>
      </c>
      <c r="V45" s="373">
        <v>10</v>
      </c>
      <c r="W45" s="373">
        <v>-10</v>
      </c>
      <c r="X45" s="373">
        <v>0</v>
      </c>
      <c r="Y45" s="373">
        <v>-10</v>
      </c>
    </row>
    <row r="46" spans="1:25" ht="20.25" customHeight="1">
      <c r="A46" s="1038"/>
      <c r="B46" s="486">
        <v>874</v>
      </c>
      <c r="C46" s="380" t="s">
        <v>528</v>
      </c>
      <c r="D46" s="1040"/>
      <c r="E46" s="373">
        <v>-141</v>
      </c>
      <c r="F46" s="373">
        <v>-64</v>
      </c>
      <c r="G46" s="373">
        <v>-77</v>
      </c>
      <c r="H46" s="373">
        <v>-211</v>
      </c>
      <c r="I46" s="373">
        <v>-94</v>
      </c>
      <c r="J46" s="373">
        <v>-117</v>
      </c>
      <c r="K46" s="373" t="s">
        <v>72</v>
      </c>
      <c r="L46" s="373" t="s">
        <v>72</v>
      </c>
      <c r="M46" s="373" t="s">
        <v>72</v>
      </c>
      <c r="N46" s="373">
        <v>211</v>
      </c>
      <c r="O46" s="373">
        <v>94</v>
      </c>
      <c r="P46" s="373">
        <v>117</v>
      </c>
      <c r="Q46" s="373">
        <v>70</v>
      </c>
      <c r="R46" s="373">
        <v>30</v>
      </c>
      <c r="S46" s="373">
        <v>40</v>
      </c>
      <c r="T46" s="373">
        <v>66</v>
      </c>
      <c r="U46" s="373">
        <v>32</v>
      </c>
      <c r="V46" s="373">
        <v>34</v>
      </c>
      <c r="W46" s="373">
        <v>-4</v>
      </c>
      <c r="X46" s="373">
        <v>2</v>
      </c>
      <c r="Y46" s="373">
        <v>-6</v>
      </c>
    </row>
    <row r="47" spans="1:25" ht="20.25" customHeight="1">
      <c r="A47" s="1038"/>
      <c r="B47" s="488">
        <v>355</v>
      </c>
      <c r="C47" s="381" t="s">
        <v>529</v>
      </c>
      <c r="D47" s="1040"/>
      <c r="E47" s="383">
        <v>-208</v>
      </c>
      <c r="F47" s="383">
        <v>-70</v>
      </c>
      <c r="G47" s="383">
        <v>-138</v>
      </c>
      <c r="H47" s="383">
        <v>-208</v>
      </c>
      <c r="I47" s="383">
        <v>-77</v>
      </c>
      <c r="J47" s="383">
        <v>-131</v>
      </c>
      <c r="K47" s="383" t="s">
        <v>72</v>
      </c>
      <c r="L47" s="383" t="s">
        <v>72</v>
      </c>
      <c r="M47" s="383" t="s">
        <v>72</v>
      </c>
      <c r="N47" s="383">
        <v>208</v>
      </c>
      <c r="O47" s="383">
        <v>77</v>
      </c>
      <c r="P47" s="383">
        <v>131</v>
      </c>
      <c r="Q47" s="383">
        <v>0</v>
      </c>
      <c r="R47" s="383">
        <v>7</v>
      </c>
      <c r="S47" s="383">
        <v>-7</v>
      </c>
      <c r="T47" s="383">
        <v>3</v>
      </c>
      <c r="U47" s="383">
        <v>10</v>
      </c>
      <c r="V47" s="383">
        <v>-7</v>
      </c>
      <c r="W47" s="383">
        <v>3</v>
      </c>
      <c r="X47" s="383">
        <v>3</v>
      </c>
      <c r="Y47" s="383">
        <v>0</v>
      </c>
    </row>
    <row r="48" spans="1:25" ht="20.25" customHeight="1" thickBot="1">
      <c r="A48" s="1041"/>
      <c r="B48" s="889">
        <v>1</v>
      </c>
      <c r="C48" s="247" t="s">
        <v>457</v>
      </c>
      <c r="D48" s="1042"/>
      <c r="E48" s="888">
        <v>-21</v>
      </c>
      <c r="F48" s="888">
        <v>-1</v>
      </c>
      <c r="G48" s="888">
        <v>-20</v>
      </c>
      <c r="H48" s="888">
        <v>-21</v>
      </c>
      <c r="I48" s="888">
        <v>-2</v>
      </c>
      <c r="J48" s="888">
        <v>-19</v>
      </c>
      <c r="K48" s="888" t="s">
        <v>72</v>
      </c>
      <c r="L48" s="888" t="s">
        <v>72</v>
      </c>
      <c r="M48" s="888" t="s">
        <v>72</v>
      </c>
      <c r="N48" s="888">
        <v>21</v>
      </c>
      <c r="O48" s="888">
        <v>2</v>
      </c>
      <c r="P48" s="888">
        <v>19</v>
      </c>
      <c r="Q48" s="888">
        <v>0</v>
      </c>
      <c r="R48" s="888">
        <v>1</v>
      </c>
      <c r="S48" s="888">
        <v>-1</v>
      </c>
      <c r="T48" s="888">
        <v>-1</v>
      </c>
      <c r="U48" s="888">
        <v>1</v>
      </c>
      <c r="V48" s="888">
        <v>-2</v>
      </c>
      <c r="W48" s="888">
        <v>-1</v>
      </c>
      <c r="X48" s="888">
        <v>0</v>
      </c>
      <c r="Y48" s="888">
        <v>-1</v>
      </c>
    </row>
    <row r="49" spans="1:25" ht="9.75" customHeight="1" thickTop="1">
      <c r="A49" s="384"/>
      <c r="B49" s="386"/>
      <c r="C49" s="386"/>
      <c r="D49" s="386"/>
      <c r="E49" s="386"/>
      <c r="F49" s="386"/>
      <c r="G49" s="386"/>
      <c r="H49" s="386"/>
      <c r="I49" s="386"/>
    </row>
    <row r="50" spans="1:25" ht="16.5" customHeight="1">
      <c r="A50" s="489" t="s">
        <v>463</v>
      </c>
      <c r="C50" s="490"/>
      <c r="D50" s="490"/>
      <c r="E50" s="490"/>
      <c r="F50" s="490"/>
      <c r="G50" s="490"/>
      <c r="H50" s="490"/>
      <c r="I50" s="490"/>
      <c r="J50" s="490"/>
      <c r="K50" s="491"/>
      <c r="L50" s="353"/>
      <c r="M50" s="353"/>
      <c r="N50" s="353"/>
      <c r="O50" s="353"/>
      <c r="P50" s="353"/>
      <c r="Q50" s="353"/>
      <c r="R50" s="353"/>
      <c r="S50" s="353"/>
      <c r="T50" s="353"/>
      <c r="U50" s="353"/>
      <c r="V50" s="353"/>
      <c r="W50" s="353"/>
      <c r="X50" s="353"/>
      <c r="Y50" s="353"/>
    </row>
    <row r="51" spans="1:25" ht="16.5" customHeight="1">
      <c r="A51" s="489" t="s">
        <v>464</v>
      </c>
      <c r="C51" s="492"/>
      <c r="D51" s="492"/>
      <c r="E51" s="492"/>
      <c r="F51" s="492"/>
      <c r="G51" s="492"/>
      <c r="H51" s="492"/>
      <c r="I51" s="492"/>
      <c r="J51" s="492"/>
      <c r="K51" s="492"/>
      <c r="L51" s="353"/>
      <c r="M51" s="353"/>
      <c r="N51" s="353"/>
      <c r="O51" s="353"/>
      <c r="P51" s="353"/>
      <c r="Q51" s="353"/>
      <c r="R51" s="353"/>
      <c r="S51" s="353"/>
      <c r="T51" s="353"/>
      <c r="U51" s="353"/>
      <c r="V51" s="353"/>
      <c r="W51" s="353"/>
      <c r="X51" s="353"/>
      <c r="Y51" s="353"/>
    </row>
    <row r="52" spans="1:25" ht="16.5" customHeight="1">
      <c r="A52" s="489" t="s">
        <v>465</v>
      </c>
      <c r="C52" s="353"/>
      <c r="D52" s="353"/>
      <c r="E52" s="353"/>
      <c r="F52" s="353"/>
      <c r="G52" s="353"/>
      <c r="H52" s="353"/>
      <c r="I52" s="353"/>
      <c r="J52" s="353"/>
      <c r="K52" s="353"/>
      <c r="L52" s="353"/>
      <c r="M52" s="353"/>
      <c r="N52" s="353"/>
      <c r="O52" s="353"/>
      <c r="P52" s="353"/>
      <c r="Q52" s="353"/>
      <c r="R52" s="353"/>
      <c r="S52" s="353"/>
      <c r="T52" s="353"/>
      <c r="U52" s="353"/>
      <c r="V52" s="353"/>
      <c r="W52" s="353"/>
      <c r="X52" s="353"/>
      <c r="Y52" s="353"/>
    </row>
    <row r="57" spans="1:25">
      <c r="B57" s="386"/>
    </row>
  </sheetData>
  <mergeCells count="21">
    <mergeCell ref="A4:B4"/>
    <mergeCell ref="E4:G4"/>
    <mergeCell ref="H4:J4"/>
    <mergeCell ref="K4:M4"/>
    <mergeCell ref="N4:P4"/>
    <mergeCell ref="T4:V4"/>
    <mergeCell ref="W4:Y4"/>
    <mergeCell ref="E5:G5"/>
    <mergeCell ref="H5:J5"/>
    <mergeCell ref="K5:M5"/>
    <mergeCell ref="N5:P5"/>
    <mergeCell ref="Q5:S5"/>
    <mergeCell ref="T5:V5"/>
    <mergeCell ref="W5:Y5"/>
    <mergeCell ref="Q4:S4"/>
    <mergeCell ref="A12:A20"/>
    <mergeCell ref="D12:D19"/>
    <mergeCell ref="A26:A34"/>
    <mergeCell ref="D26:D33"/>
    <mergeCell ref="A39:A48"/>
    <mergeCell ref="D39:D48"/>
  </mergeCells>
  <phoneticPr fontId="2"/>
  <printOptions horizontalCentered="1" gridLinesSet="0"/>
  <pageMargins left="0.59055118110236227" right="0.59055118110236227" top="0.70866141732283472" bottom="0.70866141732283472" header="0" footer="0.19685039370078741"/>
  <pageSetup paperSize="8" scale="80" orientation="landscape" blackAndWhite="1" r:id="rId1"/>
  <headerFooter scaleWithDoc="0"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73"/>
  <sheetViews>
    <sheetView zoomScale="80" zoomScaleNormal="80" workbookViewId="0"/>
  </sheetViews>
  <sheetFormatPr defaultColWidth="9" defaultRowHeight="13.5"/>
  <cols>
    <col min="1" max="1" width="2.25" style="151" customWidth="1"/>
    <col min="2" max="2" width="13.25" style="151" customWidth="1"/>
    <col min="3" max="14" width="8.75" style="151" customWidth="1"/>
    <col min="15" max="16384" width="9" style="151"/>
  </cols>
  <sheetData>
    <row r="1" spans="1:15" ht="17.25">
      <c r="A1" s="658" t="s">
        <v>541</v>
      </c>
    </row>
    <row r="2" spans="1:15" s="79" customFormat="1" ht="24.75" customHeight="1" thickBot="1">
      <c r="A2" s="402" t="s">
        <v>542</v>
      </c>
      <c r="B2" s="116"/>
      <c r="C2" s="116"/>
      <c r="D2" s="116"/>
      <c r="E2" s="116"/>
      <c r="F2" s="116"/>
      <c r="G2" s="116"/>
      <c r="H2" s="116"/>
      <c r="I2" s="116"/>
      <c r="J2" s="116"/>
      <c r="K2" s="116"/>
      <c r="M2" s="116" t="s">
        <v>543</v>
      </c>
      <c r="N2" s="116"/>
    </row>
    <row r="3" spans="1:15" s="78" customFormat="1" ht="15" customHeight="1" thickTop="1">
      <c r="A3" s="1051" t="s">
        <v>544</v>
      </c>
      <c r="B3" s="1052"/>
      <c r="C3" s="1055" t="s">
        <v>545</v>
      </c>
      <c r="D3" s="1056"/>
      <c r="E3" s="1057"/>
      <c r="F3" s="1058" t="s">
        <v>491</v>
      </c>
      <c r="G3" s="1059"/>
      <c r="H3" s="1060"/>
      <c r="I3" s="1058" t="s">
        <v>546</v>
      </c>
      <c r="J3" s="1059"/>
      <c r="K3" s="1060"/>
      <c r="L3" s="1058" t="s">
        <v>547</v>
      </c>
      <c r="M3" s="1059"/>
      <c r="N3" s="1059"/>
    </row>
    <row r="4" spans="1:15" s="78" customFormat="1" ht="15" customHeight="1">
      <c r="A4" s="1053"/>
      <c r="B4" s="1054"/>
      <c r="C4" s="405" t="s">
        <v>194</v>
      </c>
      <c r="D4" s="403" t="s">
        <v>498</v>
      </c>
      <c r="E4" s="404" t="s">
        <v>499</v>
      </c>
      <c r="F4" s="405" t="s">
        <v>194</v>
      </c>
      <c r="G4" s="403" t="s">
        <v>498</v>
      </c>
      <c r="H4" s="403" t="s">
        <v>499</v>
      </c>
      <c r="I4" s="403" t="s">
        <v>194</v>
      </c>
      <c r="J4" s="403" t="s">
        <v>498</v>
      </c>
      <c r="K4" s="404" t="s">
        <v>499</v>
      </c>
      <c r="L4" s="405" t="s">
        <v>194</v>
      </c>
      <c r="M4" s="403" t="s">
        <v>498</v>
      </c>
      <c r="N4" s="403" t="s">
        <v>499</v>
      </c>
    </row>
    <row r="5" spans="1:15" s="415" customFormat="1" ht="17.25" customHeight="1">
      <c r="A5" s="408"/>
      <c r="B5" s="409" t="s">
        <v>548</v>
      </c>
      <c r="C5" s="437">
        <v>58118</v>
      </c>
      <c r="D5" s="435">
        <v>29533</v>
      </c>
      <c r="E5" s="435">
        <v>28585</v>
      </c>
      <c r="F5" s="437">
        <v>99088</v>
      </c>
      <c r="G5" s="435">
        <v>52731</v>
      </c>
      <c r="H5" s="435">
        <v>46357</v>
      </c>
      <c r="I5" s="434">
        <v>505665</v>
      </c>
      <c r="J5" s="435">
        <v>269359</v>
      </c>
      <c r="K5" s="435">
        <v>236306</v>
      </c>
      <c r="L5" s="437">
        <v>467971</v>
      </c>
      <c r="M5" s="435">
        <v>251246</v>
      </c>
      <c r="N5" s="438">
        <v>216725</v>
      </c>
      <c r="O5" s="414"/>
    </row>
    <row r="6" spans="1:15" s="415" customFormat="1" ht="17.25" customHeight="1">
      <c r="A6" s="1047" t="s">
        <v>549</v>
      </c>
      <c r="B6" s="1048"/>
      <c r="C6" s="437">
        <v>23785</v>
      </c>
      <c r="D6" s="435">
        <v>12002</v>
      </c>
      <c r="E6" s="435">
        <v>11783</v>
      </c>
      <c r="F6" s="437">
        <v>39524</v>
      </c>
      <c r="G6" s="435">
        <v>20963</v>
      </c>
      <c r="H6" s="435">
        <v>18561</v>
      </c>
      <c r="I6" s="434">
        <v>220196</v>
      </c>
      <c r="J6" s="435">
        <v>116218</v>
      </c>
      <c r="K6" s="435">
        <v>103978</v>
      </c>
      <c r="L6" s="435">
        <v>206891</v>
      </c>
      <c r="M6" s="435">
        <v>110106</v>
      </c>
      <c r="N6" s="434">
        <v>96785</v>
      </c>
      <c r="O6" s="414"/>
    </row>
    <row r="7" spans="1:15" s="78" customFormat="1" ht="15" customHeight="1">
      <c r="A7" s="416"/>
      <c r="B7" s="448" t="s">
        <v>550</v>
      </c>
      <c r="C7" s="442">
        <v>1966</v>
      </c>
      <c r="D7" s="449">
        <v>990</v>
      </c>
      <c r="E7" s="450">
        <v>976</v>
      </c>
      <c r="F7" s="442">
        <v>2863</v>
      </c>
      <c r="G7" s="419">
        <v>1545</v>
      </c>
      <c r="H7" s="419">
        <v>1318</v>
      </c>
      <c r="I7" s="442">
        <v>17994</v>
      </c>
      <c r="J7" s="419">
        <v>10168</v>
      </c>
      <c r="K7" s="419">
        <v>7826</v>
      </c>
      <c r="L7" s="442">
        <v>17696</v>
      </c>
      <c r="M7" s="419">
        <v>9898</v>
      </c>
      <c r="N7" s="418">
        <v>7798</v>
      </c>
      <c r="O7" s="429"/>
    </row>
    <row r="8" spans="1:15" s="78" customFormat="1" ht="15" customHeight="1">
      <c r="A8" s="416"/>
      <c r="B8" s="448" t="s">
        <v>551</v>
      </c>
      <c r="C8" s="442">
        <v>1736</v>
      </c>
      <c r="D8" s="449">
        <v>887</v>
      </c>
      <c r="E8" s="450">
        <v>849</v>
      </c>
      <c r="F8" s="442">
        <v>2362</v>
      </c>
      <c r="G8" s="419">
        <v>1231</v>
      </c>
      <c r="H8" s="419">
        <v>1131</v>
      </c>
      <c r="I8" s="442">
        <v>18978</v>
      </c>
      <c r="J8" s="419">
        <v>10192</v>
      </c>
      <c r="K8" s="419">
        <v>8786</v>
      </c>
      <c r="L8" s="442">
        <v>16918</v>
      </c>
      <c r="M8" s="419">
        <v>9142</v>
      </c>
      <c r="N8" s="418">
        <v>7776</v>
      </c>
      <c r="O8" s="429"/>
    </row>
    <row r="9" spans="1:15" s="78" customFormat="1" ht="15" customHeight="1">
      <c r="A9" s="416"/>
      <c r="B9" s="448" t="s">
        <v>552</v>
      </c>
      <c r="C9" s="442">
        <v>718</v>
      </c>
      <c r="D9" s="449">
        <v>340</v>
      </c>
      <c r="E9" s="450">
        <v>378</v>
      </c>
      <c r="F9" s="442">
        <v>942</v>
      </c>
      <c r="G9" s="419">
        <v>470</v>
      </c>
      <c r="H9" s="419">
        <v>472</v>
      </c>
      <c r="I9" s="442">
        <v>10364</v>
      </c>
      <c r="J9" s="419">
        <v>5508</v>
      </c>
      <c r="K9" s="419">
        <v>4856</v>
      </c>
      <c r="L9" s="442">
        <v>8989</v>
      </c>
      <c r="M9" s="419">
        <v>4817</v>
      </c>
      <c r="N9" s="418">
        <v>4172</v>
      </c>
      <c r="O9" s="429"/>
    </row>
    <row r="10" spans="1:15" s="78" customFormat="1" ht="15" customHeight="1">
      <c r="A10" s="416"/>
      <c r="B10" s="451" t="s">
        <v>553</v>
      </c>
      <c r="C10" s="442">
        <v>763</v>
      </c>
      <c r="D10" s="449">
        <v>383</v>
      </c>
      <c r="E10" s="450">
        <v>380</v>
      </c>
      <c r="F10" s="442">
        <v>1852</v>
      </c>
      <c r="G10" s="419">
        <v>1119</v>
      </c>
      <c r="H10" s="419">
        <v>733</v>
      </c>
      <c r="I10" s="442">
        <v>13995</v>
      </c>
      <c r="J10" s="419">
        <v>7754</v>
      </c>
      <c r="K10" s="419">
        <v>6241</v>
      </c>
      <c r="L10" s="442">
        <v>12146</v>
      </c>
      <c r="M10" s="419">
        <v>6824</v>
      </c>
      <c r="N10" s="418">
        <v>5322</v>
      </c>
      <c r="O10" s="429"/>
    </row>
    <row r="11" spans="1:15" s="78" customFormat="1" ht="15" customHeight="1">
      <c r="A11" s="416"/>
      <c r="B11" s="451" t="s">
        <v>554</v>
      </c>
      <c r="C11" s="442">
        <v>1067</v>
      </c>
      <c r="D11" s="449">
        <v>556</v>
      </c>
      <c r="E11" s="450">
        <v>511</v>
      </c>
      <c r="F11" s="442">
        <v>2507</v>
      </c>
      <c r="G11" s="419">
        <v>1389</v>
      </c>
      <c r="H11" s="419">
        <v>1118</v>
      </c>
      <c r="I11" s="442">
        <v>13941</v>
      </c>
      <c r="J11" s="419">
        <v>7327</v>
      </c>
      <c r="K11" s="419">
        <v>6614</v>
      </c>
      <c r="L11" s="442">
        <v>12588</v>
      </c>
      <c r="M11" s="419">
        <v>6660</v>
      </c>
      <c r="N11" s="418">
        <v>5928</v>
      </c>
      <c r="O11" s="429"/>
    </row>
    <row r="12" spans="1:15" s="78" customFormat="1" ht="15" customHeight="1">
      <c r="A12" s="416"/>
      <c r="B12" s="451" t="s">
        <v>555</v>
      </c>
      <c r="C12" s="442">
        <v>1174</v>
      </c>
      <c r="D12" s="449">
        <v>590</v>
      </c>
      <c r="E12" s="450">
        <v>584</v>
      </c>
      <c r="F12" s="442">
        <v>2557</v>
      </c>
      <c r="G12" s="419">
        <v>1286</v>
      </c>
      <c r="H12" s="419">
        <v>1271</v>
      </c>
      <c r="I12" s="442">
        <v>11868</v>
      </c>
      <c r="J12" s="419">
        <v>6298</v>
      </c>
      <c r="K12" s="419">
        <v>5570</v>
      </c>
      <c r="L12" s="442">
        <v>11264</v>
      </c>
      <c r="M12" s="419">
        <v>5986</v>
      </c>
      <c r="N12" s="418">
        <v>5278</v>
      </c>
      <c r="O12" s="429"/>
    </row>
    <row r="13" spans="1:15" s="78" customFormat="1" ht="15" customHeight="1">
      <c r="A13" s="416"/>
      <c r="B13" s="451" t="s">
        <v>556</v>
      </c>
      <c r="C13" s="442">
        <v>977</v>
      </c>
      <c r="D13" s="449">
        <v>495</v>
      </c>
      <c r="E13" s="450">
        <v>482</v>
      </c>
      <c r="F13" s="442">
        <v>1917</v>
      </c>
      <c r="G13" s="419">
        <v>1008</v>
      </c>
      <c r="H13" s="419">
        <v>909</v>
      </c>
      <c r="I13" s="442">
        <v>8918</v>
      </c>
      <c r="J13" s="419">
        <v>4857</v>
      </c>
      <c r="K13" s="419">
        <v>4061</v>
      </c>
      <c r="L13" s="442">
        <v>8788</v>
      </c>
      <c r="M13" s="419">
        <v>4718</v>
      </c>
      <c r="N13" s="418">
        <v>4070</v>
      </c>
      <c r="O13" s="429"/>
    </row>
    <row r="14" spans="1:15" s="78" customFormat="1" ht="15" customHeight="1">
      <c r="A14" s="416"/>
      <c r="B14" s="451" t="s">
        <v>557</v>
      </c>
      <c r="C14" s="442">
        <v>948</v>
      </c>
      <c r="D14" s="449">
        <v>501</v>
      </c>
      <c r="E14" s="450">
        <v>447</v>
      </c>
      <c r="F14" s="442">
        <v>2327</v>
      </c>
      <c r="G14" s="419">
        <v>1180</v>
      </c>
      <c r="H14" s="419">
        <v>1147</v>
      </c>
      <c r="I14" s="442">
        <v>8636</v>
      </c>
      <c r="J14" s="419">
        <v>4504</v>
      </c>
      <c r="K14" s="419">
        <v>4132</v>
      </c>
      <c r="L14" s="442">
        <v>9011</v>
      </c>
      <c r="M14" s="419">
        <v>4773</v>
      </c>
      <c r="N14" s="418">
        <v>4238</v>
      </c>
      <c r="O14" s="429"/>
    </row>
    <row r="15" spans="1:15" s="78" customFormat="1" ht="15" customHeight="1">
      <c r="A15" s="416"/>
      <c r="B15" s="451" t="s">
        <v>558</v>
      </c>
      <c r="C15" s="442">
        <v>2973</v>
      </c>
      <c r="D15" s="449">
        <v>1510</v>
      </c>
      <c r="E15" s="450">
        <v>1463</v>
      </c>
      <c r="F15" s="442">
        <v>2976</v>
      </c>
      <c r="G15" s="419">
        <v>1559</v>
      </c>
      <c r="H15" s="419">
        <v>1417</v>
      </c>
      <c r="I15" s="442">
        <v>25989</v>
      </c>
      <c r="J15" s="419">
        <v>13499</v>
      </c>
      <c r="K15" s="419">
        <v>12490</v>
      </c>
      <c r="L15" s="442">
        <v>23423</v>
      </c>
      <c r="M15" s="419">
        <v>12337</v>
      </c>
      <c r="N15" s="418">
        <v>11086</v>
      </c>
      <c r="O15" s="429"/>
    </row>
    <row r="16" spans="1:15" s="78" customFormat="1" ht="15" customHeight="1">
      <c r="A16" s="416"/>
      <c r="B16" s="451" t="s">
        <v>559</v>
      </c>
      <c r="C16" s="442">
        <v>1888</v>
      </c>
      <c r="D16" s="449">
        <v>950</v>
      </c>
      <c r="E16" s="450">
        <v>938</v>
      </c>
      <c r="F16" s="442">
        <v>2949</v>
      </c>
      <c r="G16" s="419">
        <v>1577</v>
      </c>
      <c r="H16" s="419">
        <v>1372</v>
      </c>
      <c r="I16" s="442">
        <v>12856</v>
      </c>
      <c r="J16" s="419">
        <v>6679</v>
      </c>
      <c r="K16" s="419">
        <v>6177</v>
      </c>
      <c r="L16" s="442">
        <v>12364</v>
      </c>
      <c r="M16" s="419">
        <v>6444</v>
      </c>
      <c r="N16" s="418">
        <v>5920</v>
      </c>
      <c r="O16" s="429"/>
    </row>
    <row r="17" spans="1:15" s="78" customFormat="1" ht="15" customHeight="1">
      <c r="A17" s="416"/>
      <c r="B17" s="451" t="s">
        <v>560</v>
      </c>
      <c r="C17" s="442">
        <v>1232</v>
      </c>
      <c r="D17" s="449">
        <v>585</v>
      </c>
      <c r="E17" s="450">
        <v>647</v>
      </c>
      <c r="F17" s="442">
        <v>2432</v>
      </c>
      <c r="G17" s="419">
        <v>1280</v>
      </c>
      <c r="H17" s="419">
        <v>1152</v>
      </c>
      <c r="I17" s="442">
        <v>9623</v>
      </c>
      <c r="J17" s="419">
        <v>4996</v>
      </c>
      <c r="K17" s="419">
        <v>4627</v>
      </c>
      <c r="L17" s="442">
        <v>9333</v>
      </c>
      <c r="M17" s="419">
        <v>4990</v>
      </c>
      <c r="N17" s="418">
        <v>4343</v>
      </c>
      <c r="O17" s="429"/>
    </row>
    <row r="18" spans="1:15" s="78" customFormat="1" ht="15" customHeight="1">
      <c r="A18" s="416"/>
      <c r="B18" s="451" t="s">
        <v>561</v>
      </c>
      <c r="C18" s="442">
        <v>1369</v>
      </c>
      <c r="D18" s="449">
        <v>714</v>
      </c>
      <c r="E18" s="450">
        <v>655</v>
      </c>
      <c r="F18" s="442">
        <v>3142</v>
      </c>
      <c r="G18" s="419">
        <v>1668</v>
      </c>
      <c r="H18" s="419">
        <v>1474</v>
      </c>
      <c r="I18" s="442">
        <v>10453</v>
      </c>
      <c r="J18" s="419">
        <v>5252</v>
      </c>
      <c r="K18" s="419">
        <v>5201</v>
      </c>
      <c r="L18" s="442">
        <v>9657</v>
      </c>
      <c r="M18" s="419">
        <v>5016</v>
      </c>
      <c r="N18" s="418">
        <v>4641</v>
      </c>
      <c r="O18" s="429"/>
    </row>
    <row r="19" spans="1:15" s="78" customFormat="1" ht="15" customHeight="1">
      <c r="A19" s="416"/>
      <c r="B19" s="451" t="s">
        <v>562</v>
      </c>
      <c r="C19" s="442">
        <v>1174</v>
      </c>
      <c r="D19" s="449">
        <v>575</v>
      </c>
      <c r="E19" s="450">
        <v>599</v>
      </c>
      <c r="F19" s="442">
        <v>1794</v>
      </c>
      <c r="G19" s="419">
        <v>933</v>
      </c>
      <c r="H19" s="419">
        <v>861</v>
      </c>
      <c r="I19" s="442">
        <v>9411</v>
      </c>
      <c r="J19" s="419">
        <v>4838</v>
      </c>
      <c r="K19" s="419">
        <v>4573</v>
      </c>
      <c r="L19" s="442">
        <v>9223</v>
      </c>
      <c r="M19" s="419">
        <v>4760</v>
      </c>
      <c r="N19" s="418">
        <v>4463</v>
      </c>
      <c r="O19" s="429"/>
    </row>
    <row r="20" spans="1:15" s="78" customFormat="1" ht="15" customHeight="1">
      <c r="A20" s="416"/>
      <c r="B20" s="451" t="s">
        <v>563</v>
      </c>
      <c r="C20" s="442">
        <v>713</v>
      </c>
      <c r="D20" s="449">
        <v>368</v>
      </c>
      <c r="E20" s="450">
        <v>345</v>
      </c>
      <c r="F20" s="442">
        <v>1556</v>
      </c>
      <c r="G20" s="419">
        <v>801</v>
      </c>
      <c r="H20" s="419">
        <v>755</v>
      </c>
      <c r="I20" s="442">
        <v>5487</v>
      </c>
      <c r="J20" s="419">
        <v>2812</v>
      </c>
      <c r="K20" s="419">
        <v>2675</v>
      </c>
      <c r="L20" s="442">
        <v>5080</v>
      </c>
      <c r="M20" s="419">
        <v>2666</v>
      </c>
      <c r="N20" s="418">
        <v>2414</v>
      </c>
      <c r="O20" s="429"/>
    </row>
    <row r="21" spans="1:15" s="78" customFormat="1" ht="15" customHeight="1">
      <c r="A21" s="416"/>
      <c r="B21" s="451" t="s">
        <v>564</v>
      </c>
      <c r="C21" s="442">
        <v>754</v>
      </c>
      <c r="D21" s="449">
        <v>376</v>
      </c>
      <c r="E21" s="450">
        <v>378</v>
      </c>
      <c r="F21" s="442">
        <v>1422</v>
      </c>
      <c r="G21" s="419">
        <v>784</v>
      </c>
      <c r="H21" s="419">
        <v>638</v>
      </c>
      <c r="I21" s="442">
        <v>6334</v>
      </c>
      <c r="J21" s="419">
        <v>3302</v>
      </c>
      <c r="K21" s="419">
        <v>3032</v>
      </c>
      <c r="L21" s="442">
        <v>5305</v>
      </c>
      <c r="M21" s="419">
        <v>2877</v>
      </c>
      <c r="N21" s="418">
        <v>2428</v>
      </c>
      <c r="O21" s="429"/>
    </row>
    <row r="22" spans="1:15" s="78" customFormat="1" ht="15" customHeight="1">
      <c r="A22" s="416"/>
      <c r="B22" s="451" t="s">
        <v>565</v>
      </c>
      <c r="C22" s="442">
        <v>992</v>
      </c>
      <c r="D22" s="449">
        <v>468</v>
      </c>
      <c r="E22" s="450">
        <v>524</v>
      </c>
      <c r="F22" s="442">
        <v>1817</v>
      </c>
      <c r="G22" s="419">
        <v>1010</v>
      </c>
      <c r="H22" s="419">
        <v>807</v>
      </c>
      <c r="I22" s="442">
        <v>6309</v>
      </c>
      <c r="J22" s="419">
        <v>3258</v>
      </c>
      <c r="K22" s="419">
        <v>3051</v>
      </c>
      <c r="L22" s="442">
        <v>6154</v>
      </c>
      <c r="M22" s="419">
        <v>3194</v>
      </c>
      <c r="N22" s="418">
        <v>2960</v>
      </c>
      <c r="O22" s="429"/>
    </row>
    <row r="23" spans="1:15" s="78" customFormat="1" ht="15" customHeight="1">
      <c r="A23" s="416"/>
      <c r="B23" s="451" t="s">
        <v>566</v>
      </c>
      <c r="C23" s="442">
        <v>1927</v>
      </c>
      <c r="D23" s="449">
        <v>968</v>
      </c>
      <c r="E23" s="450">
        <v>959</v>
      </c>
      <c r="F23" s="442">
        <v>2535</v>
      </c>
      <c r="G23" s="419">
        <v>1311</v>
      </c>
      <c r="H23" s="419">
        <v>1224</v>
      </c>
      <c r="I23" s="442">
        <v>16883</v>
      </c>
      <c r="J23" s="419">
        <v>8672</v>
      </c>
      <c r="K23" s="419">
        <v>8211</v>
      </c>
      <c r="L23" s="442">
        <v>16950</v>
      </c>
      <c r="M23" s="419">
        <v>8714</v>
      </c>
      <c r="N23" s="418">
        <v>8236</v>
      </c>
      <c r="O23" s="429"/>
    </row>
    <row r="24" spans="1:15" s="78" customFormat="1" ht="15" customHeight="1">
      <c r="A24" s="416"/>
      <c r="B24" s="451" t="s">
        <v>567</v>
      </c>
      <c r="C24" s="442">
        <v>1414</v>
      </c>
      <c r="D24" s="449">
        <v>746</v>
      </c>
      <c r="E24" s="450">
        <v>668</v>
      </c>
      <c r="F24" s="442">
        <v>1574</v>
      </c>
      <c r="G24" s="419">
        <v>812</v>
      </c>
      <c r="H24" s="419">
        <v>762</v>
      </c>
      <c r="I24" s="442">
        <v>12157</v>
      </c>
      <c r="J24" s="419">
        <v>6302</v>
      </c>
      <c r="K24" s="419">
        <v>5855</v>
      </c>
      <c r="L24" s="442">
        <v>12002</v>
      </c>
      <c r="M24" s="419">
        <v>6290</v>
      </c>
      <c r="N24" s="418">
        <v>5712</v>
      </c>
      <c r="O24" s="429"/>
    </row>
    <row r="25" spans="1:15" s="415" customFormat="1" ht="17.25" customHeight="1">
      <c r="A25" s="1047" t="s">
        <v>568</v>
      </c>
      <c r="B25" s="1048"/>
      <c r="C25" s="437">
        <v>11556</v>
      </c>
      <c r="D25" s="435">
        <v>5965</v>
      </c>
      <c r="E25" s="435">
        <v>5591</v>
      </c>
      <c r="F25" s="437">
        <v>13648</v>
      </c>
      <c r="G25" s="435">
        <v>7361</v>
      </c>
      <c r="H25" s="435">
        <v>6287</v>
      </c>
      <c r="I25" s="434">
        <v>104623</v>
      </c>
      <c r="J25" s="435">
        <v>55438</v>
      </c>
      <c r="K25" s="435">
        <v>49185</v>
      </c>
      <c r="L25" s="437">
        <v>100840</v>
      </c>
      <c r="M25" s="435">
        <v>53923</v>
      </c>
      <c r="N25" s="434">
        <v>46917</v>
      </c>
      <c r="O25" s="414"/>
    </row>
    <row r="26" spans="1:15" s="78" customFormat="1" ht="15" customHeight="1">
      <c r="A26" s="416"/>
      <c r="B26" s="451" t="s">
        <v>569</v>
      </c>
      <c r="C26" s="442">
        <v>1392</v>
      </c>
      <c r="D26" s="449">
        <v>709</v>
      </c>
      <c r="E26" s="450">
        <v>683</v>
      </c>
      <c r="F26" s="442">
        <v>2730</v>
      </c>
      <c r="G26" s="419">
        <v>1564</v>
      </c>
      <c r="H26" s="419">
        <v>1166</v>
      </c>
      <c r="I26" s="442">
        <v>15657</v>
      </c>
      <c r="J26" s="419">
        <v>9384</v>
      </c>
      <c r="K26" s="419">
        <v>6273</v>
      </c>
      <c r="L26" s="442">
        <v>14854</v>
      </c>
      <c r="M26" s="419">
        <v>8799</v>
      </c>
      <c r="N26" s="418">
        <v>6055</v>
      </c>
      <c r="O26" s="429"/>
    </row>
    <row r="27" spans="1:15" s="78" customFormat="1" ht="15" customHeight="1">
      <c r="A27" s="416"/>
      <c r="B27" s="451" t="s">
        <v>570</v>
      </c>
      <c r="C27" s="442">
        <v>1522</v>
      </c>
      <c r="D27" s="449">
        <v>804</v>
      </c>
      <c r="E27" s="450">
        <v>718</v>
      </c>
      <c r="F27" s="442">
        <v>1731</v>
      </c>
      <c r="G27" s="419">
        <v>937</v>
      </c>
      <c r="H27" s="419">
        <v>794</v>
      </c>
      <c r="I27" s="442">
        <v>10718</v>
      </c>
      <c r="J27" s="419">
        <v>5884</v>
      </c>
      <c r="K27" s="419">
        <v>4834</v>
      </c>
      <c r="L27" s="442">
        <v>10191</v>
      </c>
      <c r="M27" s="419">
        <v>5594</v>
      </c>
      <c r="N27" s="418">
        <v>4597</v>
      </c>
      <c r="O27" s="429"/>
    </row>
    <row r="28" spans="1:15" s="78" customFormat="1" ht="15" customHeight="1">
      <c r="A28" s="416"/>
      <c r="B28" s="451" t="s">
        <v>571</v>
      </c>
      <c r="C28" s="442">
        <v>2397</v>
      </c>
      <c r="D28" s="449">
        <v>1229</v>
      </c>
      <c r="E28" s="450">
        <v>1168</v>
      </c>
      <c r="F28" s="442">
        <v>1846</v>
      </c>
      <c r="G28" s="419">
        <v>965</v>
      </c>
      <c r="H28" s="419">
        <v>881</v>
      </c>
      <c r="I28" s="442">
        <v>21669</v>
      </c>
      <c r="J28" s="419">
        <v>11236</v>
      </c>
      <c r="K28" s="419">
        <v>10433</v>
      </c>
      <c r="L28" s="442">
        <v>21215</v>
      </c>
      <c r="M28" s="419">
        <v>11263</v>
      </c>
      <c r="N28" s="418">
        <v>9952</v>
      </c>
      <c r="O28" s="429"/>
    </row>
    <row r="29" spans="1:15" s="78" customFormat="1" ht="15" customHeight="1">
      <c r="A29" s="416"/>
      <c r="B29" s="451" t="s">
        <v>572</v>
      </c>
      <c r="C29" s="442">
        <v>1807</v>
      </c>
      <c r="D29" s="449">
        <v>898</v>
      </c>
      <c r="E29" s="450">
        <v>909</v>
      </c>
      <c r="F29" s="442">
        <v>1949</v>
      </c>
      <c r="G29" s="419">
        <v>1070</v>
      </c>
      <c r="H29" s="419">
        <v>879</v>
      </c>
      <c r="I29" s="442">
        <v>15832</v>
      </c>
      <c r="J29" s="419">
        <v>8170</v>
      </c>
      <c r="K29" s="419">
        <v>7662</v>
      </c>
      <c r="L29" s="442">
        <v>16288</v>
      </c>
      <c r="M29" s="419">
        <v>8550</v>
      </c>
      <c r="N29" s="418">
        <v>7738</v>
      </c>
      <c r="O29" s="429"/>
    </row>
    <row r="30" spans="1:15" s="78" customFormat="1" ht="15" customHeight="1">
      <c r="A30" s="416"/>
      <c r="B30" s="451" t="s">
        <v>573</v>
      </c>
      <c r="C30" s="442">
        <v>1724</v>
      </c>
      <c r="D30" s="449">
        <v>909</v>
      </c>
      <c r="E30" s="450">
        <v>815</v>
      </c>
      <c r="F30" s="442">
        <v>1838</v>
      </c>
      <c r="G30" s="419">
        <v>938</v>
      </c>
      <c r="H30" s="419">
        <v>900</v>
      </c>
      <c r="I30" s="442">
        <v>16625</v>
      </c>
      <c r="J30" s="419">
        <v>8628</v>
      </c>
      <c r="K30" s="419">
        <v>7997</v>
      </c>
      <c r="L30" s="442">
        <v>15423</v>
      </c>
      <c r="M30" s="419">
        <v>8105</v>
      </c>
      <c r="N30" s="418">
        <v>7318</v>
      </c>
      <c r="O30" s="429"/>
    </row>
    <row r="31" spans="1:15" s="78" customFormat="1" ht="15" customHeight="1">
      <c r="A31" s="416"/>
      <c r="B31" s="451" t="s">
        <v>574</v>
      </c>
      <c r="C31" s="442">
        <v>1631</v>
      </c>
      <c r="D31" s="449">
        <v>843</v>
      </c>
      <c r="E31" s="450">
        <v>788</v>
      </c>
      <c r="F31" s="442">
        <v>1951</v>
      </c>
      <c r="G31" s="419">
        <v>1052</v>
      </c>
      <c r="H31" s="419">
        <v>899</v>
      </c>
      <c r="I31" s="442">
        <v>13921</v>
      </c>
      <c r="J31" s="419">
        <v>6978</v>
      </c>
      <c r="K31" s="419">
        <v>6943</v>
      </c>
      <c r="L31" s="442">
        <v>13167</v>
      </c>
      <c r="M31" s="419">
        <v>6720</v>
      </c>
      <c r="N31" s="418">
        <v>6447</v>
      </c>
      <c r="O31" s="429"/>
    </row>
    <row r="32" spans="1:15" s="78" customFormat="1" ht="15" customHeight="1">
      <c r="A32" s="416"/>
      <c r="B32" s="451" t="s">
        <v>575</v>
      </c>
      <c r="C32" s="442">
        <v>1083</v>
      </c>
      <c r="D32" s="449">
        <v>573</v>
      </c>
      <c r="E32" s="450">
        <v>510</v>
      </c>
      <c r="F32" s="442">
        <v>1603</v>
      </c>
      <c r="G32" s="419">
        <v>835</v>
      </c>
      <c r="H32" s="419">
        <v>768</v>
      </c>
      <c r="I32" s="442">
        <v>10201</v>
      </c>
      <c r="J32" s="419">
        <v>5158</v>
      </c>
      <c r="K32" s="419">
        <v>5043</v>
      </c>
      <c r="L32" s="442">
        <v>9702</v>
      </c>
      <c r="M32" s="419">
        <v>4892</v>
      </c>
      <c r="N32" s="418">
        <v>4810</v>
      </c>
      <c r="O32" s="429"/>
    </row>
    <row r="33" spans="1:15" s="415" customFormat="1" ht="17.25" customHeight="1">
      <c r="A33" s="1045" t="s">
        <v>576</v>
      </c>
      <c r="B33" s="1046"/>
      <c r="C33" s="437">
        <v>3329</v>
      </c>
      <c r="D33" s="435">
        <v>1670</v>
      </c>
      <c r="E33" s="435">
        <v>1659</v>
      </c>
      <c r="F33" s="437">
        <v>9686</v>
      </c>
      <c r="G33" s="435">
        <v>4989</v>
      </c>
      <c r="H33" s="435">
        <v>4697</v>
      </c>
      <c r="I33" s="434">
        <v>27160</v>
      </c>
      <c r="J33" s="435">
        <v>15379</v>
      </c>
      <c r="K33" s="435">
        <v>11781</v>
      </c>
      <c r="L33" s="437">
        <v>27029</v>
      </c>
      <c r="M33" s="435">
        <v>15329</v>
      </c>
      <c r="N33" s="434">
        <v>11700</v>
      </c>
      <c r="O33" s="414"/>
    </row>
    <row r="34" spans="1:15" s="78" customFormat="1" ht="15" customHeight="1">
      <c r="A34" s="416"/>
      <c r="B34" s="451" t="s">
        <v>577</v>
      </c>
      <c r="C34" s="442">
        <v>1863</v>
      </c>
      <c r="D34" s="452">
        <v>912</v>
      </c>
      <c r="E34" s="453">
        <v>951</v>
      </c>
      <c r="F34" s="442">
        <v>5405</v>
      </c>
      <c r="G34" s="419">
        <v>2846</v>
      </c>
      <c r="H34" s="419">
        <v>2559</v>
      </c>
      <c r="I34" s="442">
        <v>14499</v>
      </c>
      <c r="J34" s="419">
        <v>9180</v>
      </c>
      <c r="K34" s="419">
        <v>5319</v>
      </c>
      <c r="L34" s="442">
        <v>15403</v>
      </c>
      <c r="M34" s="419">
        <v>9558</v>
      </c>
      <c r="N34" s="418">
        <v>5845</v>
      </c>
      <c r="O34" s="429"/>
    </row>
    <row r="35" spans="1:15" s="78" customFormat="1" ht="15" customHeight="1">
      <c r="A35" s="416"/>
      <c r="B35" s="451" t="s">
        <v>578</v>
      </c>
      <c r="C35" s="442">
        <v>889</v>
      </c>
      <c r="D35" s="452">
        <v>467</v>
      </c>
      <c r="E35" s="453">
        <v>422</v>
      </c>
      <c r="F35" s="442">
        <v>2343</v>
      </c>
      <c r="G35" s="419">
        <v>1156</v>
      </c>
      <c r="H35" s="419">
        <v>1187</v>
      </c>
      <c r="I35" s="442">
        <v>7751</v>
      </c>
      <c r="J35" s="419">
        <v>3792</v>
      </c>
      <c r="K35" s="419">
        <v>3959</v>
      </c>
      <c r="L35" s="442">
        <v>6888</v>
      </c>
      <c r="M35" s="419">
        <v>3386</v>
      </c>
      <c r="N35" s="418">
        <v>3502</v>
      </c>
      <c r="O35" s="429"/>
    </row>
    <row r="36" spans="1:15" s="78" customFormat="1" ht="15" customHeight="1">
      <c r="A36" s="416"/>
      <c r="B36" s="451" t="s">
        <v>579</v>
      </c>
      <c r="C36" s="442">
        <v>314</v>
      </c>
      <c r="D36" s="452">
        <v>160</v>
      </c>
      <c r="E36" s="453">
        <v>154</v>
      </c>
      <c r="F36" s="442">
        <v>808</v>
      </c>
      <c r="G36" s="419">
        <v>412</v>
      </c>
      <c r="H36" s="419">
        <v>396</v>
      </c>
      <c r="I36" s="442">
        <v>2350</v>
      </c>
      <c r="J36" s="419">
        <v>1146</v>
      </c>
      <c r="K36" s="419">
        <v>1204</v>
      </c>
      <c r="L36" s="442">
        <v>2288</v>
      </c>
      <c r="M36" s="419">
        <v>1163</v>
      </c>
      <c r="N36" s="418">
        <v>1125</v>
      </c>
      <c r="O36" s="429"/>
    </row>
    <row r="37" spans="1:15" s="78" customFormat="1" ht="15" customHeight="1">
      <c r="A37" s="416"/>
      <c r="B37" s="451" t="s">
        <v>580</v>
      </c>
      <c r="C37" s="440">
        <v>140</v>
      </c>
      <c r="D37" s="452">
        <v>69</v>
      </c>
      <c r="E37" s="453">
        <v>71</v>
      </c>
      <c r="F37" s="442">
        <v>713</v>
      </c>
      <c r="G37" s="419">
        <v>362</v>
      </c>
      <c r="H37" s="419">
        <v>351</v>
      </c>
      <c r="I37" s="442">
        <v>1291</v>
      </c>
      <c r="J37" s="419">
        <v>666</v>
      </c>
      <c r="K37" s="419">
        <v>625</v>
      </c>
      <c r="L37" s="442">
        <v>1238</v>
      </c>
      <c r="M37" s="419">
        <v>654</v>
      </c>
      <c r="N37" s="418">
        <v>584</v>
      </c>
      <c r="O37" s="429"/>
    </row>
    <row r="38" spans="1:15" s="78" customFormat="1" ht="15" customHeight="1">
      <c r="A38" s="416"/>
      <c r="B38" s="451" t="s">
        <v>581</v>
      </c>
      <c r="C38" s="442">
        <v>123</v>
      </c>
      <c r="D38" s="452">
        <v>62</v>
      </c>
      <c r="E38" s="453">
        <v>61</v>
      </c>
      <c r="F38" s="442">
        <v>417</v>
      </c>
      <c r="G38" s="419">
        <v>213</v>
      </c>
      <c r="H38" s="419">
        <v>204</v>
      </c>
      <c r="I38" s="442">
        <v>1269</v>
      </c>
      <c r="J38" s="419">
        <v>595</v>
      </c>
      <c r="K38" s="419">
        <v>674</v>
      </c>
      <c r="L38" s="442">
        <v>1212</v>
      </c>
      <c r="M38" s="419">
        <v>568</v>
      </c>
      <c r="N38" s="418">
        <v>644</v>
      </c>
      <c r="O38" s="429"/>
    </row>
    <row r="39" spans="1:15" s="415" customFormat="1" ht="17.25" customHeight="1">
      <c r="A39" s="1045" t="s">
        <v>582</v>
      </c>
      <c r="B39" s="1046"/>
      <c r="C39" s="437">
        <v>9934</v>
      </c>
      <c r="D39" s="435">
        <v>5099</v>
      </c>
      <c r="E39" s="435">
        <v>4835</v>
      </c>
      <c r="F39" s="437">
        <v>17064</v>
      </c>
      <c r="G39" s="435">
        <v>9462</v>
      </c>
      <c r="H39" s="435">
        <v>7602</v>
      </c>
      <c r="I39" s="434">
        <v>80988</v>
      </c>
      <c r="J39" s="435">
        <v>43926</v>
      </c>
      <c r="K39" s="435">
        <v>37062</v>
      </c>
      <c r="L39" s="437">
        <v>70354</v>
      </c>
      <c r="M39" s="435">
        <v>38526</v>
      </c>
      <c r="N39" s="434">
        <v>31828</v>
      </c>
      <c r="O39" s="414"/>
    </row>
    <row r="40" spans="1:15" s="415" customFormat="1" ht="15" customHeight="1">
      <c r="A40" s="1049" t="s">
        <v>583</v>
      </c>
      <c r="B40" s="1050"/>
      <c r="C40" s="442">
        <v>4257</v>
      </c>
      <c r="D40" s="454">
        <v>2202</v>
      </c>
      <c r="E40" s="452">
        <v>2055</v>
      </c>
      <c r="F40" s="442">
        <v>8055</v>
      </c>
      <c r="G40" s="419">
        <v>4417</v>
      </c>
      <c r="H40" s="419">
        <v>3638</v>
      </c>
      <c r="I40" s="442">
        <v>35573</v>
      </c>
      <c r="J40" s="419">
        <v>18788</v>
      </c>
      <c r="K40" s="419">
        <v>16785</v>
      </c>
      <c r="L40" s="442">
        <v>31769</v>
      </c>
      <c r="M40" s="419">
        <v>16885</v>
      </c>
      <c r="N40" s="418">
        <v>14884</v>
      </c>
      <c r="O40" s="414"/>
    </row>
    <row r="41" spans="1:15" s="415" customFormat="1" ht="15" customHeight="1">
      <c r="A41" s="424"/>
      <c r="B41" s="451" t="s">
        <v>584</v>
      </c>
      <c r="C41" s="442">
        <v>892</v>
      </c>
      <c r="D41" s="454">
        <v>473</v>
      </c>
      <c r="E41" s="452">
        <v>419</v>
      </c>
      <c r="F41" s="442">
        <v>1963</v>
      </c>
      <c r="G41" s="419">
        <v>1012</v>
      </c>
      <c r="H41" s="419">
        <v>951</v>
      </c>
      <c r="I41" s="442">
        <v>7307</v>
      </c>
      <c r="J41" s="419">
        <v>3925</v>
      </c>
      <c r="K41" s="419">
        <v>3382</v>
      </c>
      <c r="L41" s="442">
        <v>7007</v>
      </c>
      <c r="M41" s="419">
        <v>3731</v>
      </c>
      <c r="N41" s="418">
        <v>3276</v>
      </c>
      <c r="O41" s="414"/>
    </row>
    <row r="42" spans="1:15" s="415" customFormat="1" ht="15" customHeight="1">
      <c r="A42" s="424"/>
      <c r="B42" s="451" t="s">
        <v>585</v>
      </c>
      <c r="C42" s="442">
        <v>1621</v>
      </c>
      <c r="D42" s="454">
        <v>818</v>
      </c>
      <c r="E42" s="452">
        <v>803</v>
      </c>
      <c r="F42" s="442">
        <v>3047</v>
      </c>
      <c r="G42" s="419">
        <v>1735</v>
      </c>
      <c r="H42" s="419">
        <v>1312</v>
      </c>
      <c r="I42" s="442">
        <v>13171</v>
      </c>
      <c r="J42" s="419">
        <v>7178</v>
      </c>
      <c r="K42" s="419">
        <v>5993</v>
      </c>
      <c r="L42" s="442">
        <v>11345</v>
      </c>
      <c r="M42" s="419">
        <v>6162</v>
      </c>
      <c r="N42" s="418">
        <v>5183</v>
      </c>
      <c r="O42" s="414"/>
    </row>
    <row r="43" spans="1:15" s="460" customFormat="1" ht="15" customHeight="1">
      <c r="A43" s="455"/>
      <c r="B43" s="456" t="s">
        <v>586</v>
      </c>
      <c r="C43" s="444">
        <v>1744</v>
      </c>
      <c r="D43" s="457">
        <v>911</v>
      </c>
      <c r="E43" s="458">
        <v>833</v>
      </c>
      <c r="F43" s="444">
        <v>3045</v>
      </c>
      <c r="G43" s="427">
        <v>1670</v>
      </c>
      <c r="H43" s="427">
        <v>1375</v>
      </c>
      <c r="I43" s="444">
        <v>15095</v>
      </c>
      <c r="J43" s="427">
        <v>7685</v>
      </c>
      <c r="K43" s="427">
        <v>7410</v>
      </c>
      <c r="L43" s="444">
        <v>13417</v>
      </c>
      <c r="M43" s="427">
        <v>6992</v>
      </c>
      <c r="N43" s="428">
        <v>6425</v>
      </c>
      <c r="O43" s="459"/>
    </row>
    <row r="44" spans="1:15" s="78" customFormat="1" ht="15" customHeight="1">
      <c r="A44" s="416"/>
      <c r="B44" s="451" t="s">
        <v>587</v>
      </c>
      <c r="C44" s="442">
        <v>1283</v>
      </c>
      <c r="D44" s="454">
        <v>637</v>
      </c>
      <c r="E44" s="452">
        <v>646</v>
      </c>
      <c r="F44" s="442">
        <v>2364</v>
      </c>
      <c r="G44" s="419">
        <v>1337</v>
      </c>
      <c r="H44" s="419">
        <v>1027</v>
      </c>
      <c r="I44" s="442">
        <v>10939</v>
      </c>
      <c r="J44" s="419">
        <v>6363</v>
      </c>
      <c r="K44" s="419">
        <v>4576</v>
      </c>
      <c r="L44" s="442">
        <v>9473</v>
      </c>
      <c r="M44" s="419">
        <v>5594</v>
      </c>
      <c r="N44" s="418">
        <v>3879</v>
      </c>
      <c r="O44" s="429"/>
    </row>
    <row r="45" spans="1:15" s="78" customFormat="1" ht="15" customHeight="1">
      <c r="A45" s="416"/>
      <c r="B45" s="451" t="s">
        <v>588</v>
      </c>
      <c r="C45" s="442">
        <v>1839</v>
      </c>
      <c r="D45" s="452">
        <v>963</v>
      </c>
      <c r="E45" s="452">
        <v>876</v>
      </c>
      <c r="F45" s="442">
        <v>2460</v>
      </c>
      <c r="G45" s="419">
        <v>1336</v>
      </c>
      <c r="H45" s="419">
        <v>1124</v>
      </c>
      <c r="I45" s="442">
        <v>13574</v>
      </c>
      <c r="J45" s="419">
        <v>7272</v>
      </c>
      <c r="K45" s="419">
        <v>6302</v>
      </c>
      <c r="L45" s="442">
        <v>11469</v>
      </c>
      <c r="M45" s="419">
        <v>6185</v>
      </c>
      <c r="N45" s="418">
        <v>5284</v>
      </c>
      <c r="O45" s="429"/>
    </row>
    <row r="46" spans="1:15" s="78" customFormat="1" ht="15" customHeight="1">
      <c r="A46" s="416"/>
      <c r="B46" s="451" t="s">
        <v>589</v>
      </c>
      <c r="C46" s="442">
        <v>1091</v>
      </c>
      <c r="D46" s="452">
        <v>570</v>
      </c>
      <c r="E46" s="453">
        <v>521</v>
      </c>
      <c r="F46" s="442">
        <v>1312</v>
      </c>
      <c r="G46" s="419">
        <v>724</v>
      </c>
      <c r="H46" s="419">
        <v>588</v>
      </c>
      <c r="I46" s="442">
        <v>7998</v>
      </c>
      <c r="J46" s="419">
        <v>4259</v>
      </c>
      <c r="K46" s="419">
        <v>3739</v>
      </c>
      <c r="L46" s="442">
        <v>5762</v>
      </c>
      <c r="M46" s="419">
        <v>3150</v>
      </c>
      <c r="N46" s="418">
        <v>2612</v>
      </c>
      <c r="O46" s="429"/>
    </row>
    <row r="47" spans="1:15" s="78" customFormat="1" ht="15" customHeight="1">
      <c r="A47" s="416"/>
      <c r="B47" s="451" t="s">
        <v>590</v>
      </c>
      <c r="C47" s="442">
        <v>808</v>
      </c>
      <c r="D47" s="452">
        <v>409</v>
      </c>
      <c r="E47" s="453">
        <v>399</v>
      </c>
      <c r="F47" s="442">
        <v>1444</v>
      </c>
      <c r="G47" s="419">
        <v>809</v>
      </c>
      <c r="H47" s="419">
        <v>635</v>
      </c>
      <c r="I47" s="442">
        <v>6587</v>
      </c>
      <c r="J47" s="419">
        <v>3534</v>
      </c>
      <c r="K47" s="419">
        <v>3053</v>
      </c>
      <c r="L47" s="442">
        <v>6131</v>
      </c>
      <c r="M47" s="419">
        <v>3321</v>
      </c>
      <c r="N47" s="418">
        <v>2810</v>
      </c>
      <c r="O47" s="429"/>
    </row>
    <row r="48" spans="1:15" s="78" customFormat="1" ht="15" customHeight="1">
      <c r="A48" s="416"/>
      <c r="B48" s="451" t="s">
        <v>591</v>
      </c>
      <c r="C48" s="442">
        <v>464</v>
      </c>
      <c r="D48" s="452">
        <v>218</v>
      </c>
      <c r="E48" s="453">
        <v>246</v>
      </c>
      <c r="F48" s="442">
        <v>915</v>
      </c>
      <c r="G48" s="419">
        <v>550</v>
      </c>
      <c r="H48" s="419">
        <v>365</v>
      </c>
      <c r="I48" s="442">
        <v>4384</v>
      </c>
      <c r="J48" s="419">
        <v>2562</v>
      </c>
      <c r="K48" s="419">
        <v>1822</v>
      </c>
      <c r="L48" s="442">
        <v>4002</v>
      </c>
      <c r="M48" s="419">
        <v>2318</v>
      </c>
      <c r="N48" s="418">
        <v>1684</v>
      </c>
      <c r="O48" s="429"/>
    </row>
    <row r="49" spans="1:15" s="78" customFormat="1" ht="15" customHeight="1">
      <c r="A49" s="416"/>
      <c r="B49" s="451" t="s">
        <v>592</v>
      </c>
      <c r="C49" s="442">
        <v>184</v>
      </c>
      <c r="D49" s="452">
        <v>97</v>
      </c>
      <c r="E49" s="453">
        <v>87</v>
      </c>
      <c r="F49" s="442">
        <v>476</v>
      </c>
      <c r="G49" s="419">
        <v>264</v>
      </c>
      <c r="H49" s="419">
        <v>212</v>
      </c>
      <c r="I49" s="442">
        <v>1875</v>
      </c>
      <c r="J49" s="419">
        <v>1115</v>
      </c>
      <c r="K49" s="419">
        <v>760</v>
      </c>
      <c r="L49" s="442">
        <v>1672</v>
      </c>
      <c r="M49" s="419">
        <v>1034</v>
      </c>
      <c r="N49" s="418">
        <v>638</v>
      </c>
      <c r="O49" s="429"/>
    </row>
    <row r="50" spans="1:15" s="78" customFormat="1" ht="15" customHeight="1">
      <c r="A50" s="416"/>
      <c r="B50" s="451" t="s">
        <v>304</v>
      </c>
      <c r="C50" s="442">
        <v>8</v>
      </c>
      <c r="D50" s="452">
        <v>3</v>
      </c>
      <c r="E50" s="453">
        <v>5</v>
      </c>
      <c r="F50" s="442">
        <v>38</v>
      </c>
      <c r="G50" s="419">
        <v>25</v>
      </c>
      <c r="H50" s="419">
        <v>13</v>
      </c>
      <c r="I50" s="442">
        <v>58</v>
      </c>
      <c r="J50" s="419">
        <v>33</v>
      </c>
      <c r="K50" s="419">
        <v>25</v>
      </c>
      <c r="L50" s="442">
        <v>76</v>
      </c>
      <c r="M50" s="419">
        <v>39</v>
      </c>
      <c r="N50" s="418">
        <v>37</v>
      </c>
      <c r="O50" s="429"/>
    </row>
    <row r="51" spans="1:15" s="415" customFormat="1" ht="17.25" customHeight="1">
      <c r="A51" s="1045" t="s">
        <v>593</v>
      </c>
      <c r="B51" s="1046"/>
      <c r="C51" s="437">
        <v>7880</v>
      </c>
      <c r="D51" s="435">
        <v>3974</v>
      </c>
      <c r="E51" s="435">
        <v>3906</v>
      </c>
      <c r="F51" s="437">
        <v>14316</v>
      </c>
      <c r="G51" s="435">
        <v>7491</v>
      </c>
      <c r="H51" s="435">
        <v>6825</v>
      </c>
      <c r="I51" s="434">
        <v>57618</v>
      </c>
      <c r="J51" s="435">
        <v>30847</v>
      </c>
      <c r="K51" s="435">
        <v>26771</v>
      </c>
      <c r="L51" s="437">
        <v>49200</v>
      </c>
      <c r="M51" s="435">
        <v>26678</v>
      </c>
      <c r="N51" s="434">
        <v>22522</v>
      </c>
      <c r="O51" s="414"/>
    </row>
    <row r="52" spans="1:15" s="78" customFormat="1" ht="15" customHeight="1">
      <c r="A52" s="416"/>
      <c r="B52" s="451" t="s">
        <v>594</v>
      </c>
      <c r="C52" s="442">
        <v>1374</v>
      </c>
      <c r="D52" s="452">
        <v>697</v>
      </c>
      <c r="E52" s="453">
        <v>677</v>
      </c>
      <c r="F52" s="442">
        <v>3032</v>
      </c>
      <c r="G52" s="419">
        <v>1599</v>
      </c>
      <c r="H52" s="419">
        <v>1433</v>
      </c>
      <c r="I52" s="442">
        <v>10047</v>
      </c>
      <c r="J52" s="419">
        <v>5458</v>
      </c>
      <c r="K52" s="419">
        <v>4589</v>
      </c>
      <c r="L52" s="442">
        <v>8371</v>
      </c>
      <c r="M52" s="419">
        <v>4591</v>
      </c>
      <c r="N52" s="418">
        <v>3780</v>
      </c>
      <c r="O52" s="429"/>
    </row>
    <row r="53" spans="1:15" s="78" customFormat="1" ht="15" customHeight="1">
      <c r="A53" s="416"/>
      <c r="B53" s="451" t="s">
        <v>294</v>
      </c>
      <c r="C53" s="442">
        <v>3058</v>
      </c>
      <c r="D53" s="452">
        <v>1560</v>
      </c>
      <c r="E53" s="453">
        <v>1498</v>
      </c>
      <c r="F53" s="442">
        <v>4393</v>
      </c>
      <c r="G53" s="419">
        <v>2248</v>
      </c>
      <c r="H53" s="419">
        <v>2145</v>
      </c>
      <c r="I53" s="442">
        <v>21480</v>
      </c>
      <c r="J53" s="419">
        <v>11417</v>
      </c>
      <c r="K53" s="419">
        <v>10063</v>
      </c>
      <c r="L53" s="442">
        <v>18021</v>
      </c>
      <c r="M53" s="419">
        <v>9824</v>
      </c>
      <c r="N53" s="418">
        <v>8197</v>
      </c>
      <c r="O53" s="429"/>
    </row>
    <row r="54" spans="1:15" s="78" customFormat="1" ht="15" customHeight="1">
      <c r="A54" s="416"/>
      <c r="B54" s="451" t="s">
        <v>595</v>
      </c>
      <c r="C54" s="442">
        <v>1527</v>
      </c>
      <c r="D54" s="452">
        <v>781</v>
      </c>
      <c r="E54" s="453">
        <v>746</v>
      </c>
      <c r="F54" s="442">
        <v>2505</v>
      </c>
      <c r="G54" s="419">
        <v>1294</v>
      </c>
      <c r="H54" s="419">
        <v>1211</v>
      </c>
      <c r="I54" s="442">
        <v>9992</v>
      </c>
      <c r="J54" s="419">
        <v>4955</v>
      </c>
      <c r="K54" s="419">
        <v>5037</v>
      </c>
      <c r="L54" s="442">
        <v>8490</v>
      </c>
      <c r="M54" s="419">
        <v>4317</v>
      </c>
      <c r="N54" s="418">
        <v>4173</v>
      </c>
      <c r="O54" s="429"/>
    </row>
    <row r="55" spans="1:15" s="78" customFormat="1" ht="15" customHeight="1">
      <c r="A55" s="416"/>
      <c r="B55" s="451" t="s">
        <v>596</v>
      </c>
      <c r="C55" s="442">
        <v>739</v>
      </c>
      <c r="D55" s="452">
        <v>353</v>
      </c>
      <c r="E55" s="453">
        <v>386</v>
      </c>
      <c r="F55" s="442">
        <v>1858</v>
      </c>
      <c r="G55" s="419">
        <v>989</v>
      </c>
      <c r="H55" s="419">
        <v>869</v>
      </c>
      <c r="I55" s="442">
        <v>6469</v>
      </c>
      <c r="J55" s="419">
        <v>3670</v>
      </c>
      <c r="K55" s="419">
        <v>2799</v>
      </c>
      <c r="L55" s="442">
        <v>5689</v>
      </c>
      <c r="M55" s="419">
        <v>3191</v>
      </c>
      <c r="N55" s="418">
        <v>2498</v>
      </c>
      <c r="O55" s="429"/>
    </row>
    <row r="56" spans="1:15" s="78" customFormat="1" ht="15" customHeight="1">
      <c r="A56" s="416"/>
      <c r="B56" s="451" t="s">
        <v>597</v>
      </c>
      <c r="C56" s="442">
        <v>632</v>
      </c>
      <c r="D56" s="452">
        <v>302</v>
      </c>
      <c r="E56" s="453">
        <v>330</v>
      </c>
      <c r="F56" s="442">
        <v>1127</v>
      </c>
      <c r="G56" s="419">
        <v>630</v>
      </c>
      <c r="H56" s="419">
        <v>497</v>
      </c>
      <c r="I56" s="442">
        <v>5248</v>
      </c>
      <c r="J56" s="419">
        <v>2993</v>
      </c>
      <c r="K56" s="419">
        <v>2255</v>
      </c>
      <c r="L56" s="442">
        <v>4638</v>
      </c>
      <c r="M56" s="419">
        <v>2620</v>
      </c>
      <c r="N56" s="418">
        <v>2018</v>
      </c>
      <c r="O56" s="429"/>
    </row>
    <row r="57" spans="1:15" s="78" customFormat="1" ht="15" customHeight="1">
      <c r="A57" s="416"/>
      <c r="B57" s="451" t="s">
        <v>598</v>
      </c>
      <c r="C57" s="442">
        <v>307</v>
      </c>
      <c r="D57" s="452">
        <v>156</v>
      </c>
      <c r="E57" s="453">
        <v>151</v>
      </c>
      <c r="F57" s="442">
        <v>513</v>
      </c>
      <c r="G57" s="419">
        <v>270</v>
      </c>
      <c r="H57" s="419">
        <v>243</v>
      </c>
      <c r="I57" s="442">
        <v>2224</v>
      </c>
      <c r="J57" s="419">
        <v>1237</v>
      </c>
      <c r="K57" s="419">
        <v>987</v>
      </c>
      <c r="L57" s="442">
        <v>2021</v>
      </c>
      <c r="M57" s="419">
        <v>1098</v>
      </c>
      <c r="N57" s="418">
        <v>923</v>
      </c>
      <c r="O57" s="429"/>
    </row>
    <row r="58" spans="1:15" s="78" customFormat="1" ht="15" customHeight="1">
      <c r="A58" s="416"/>
      <c r="B58" s="451" t="s">
        <v>599</v>
      </c>
      <c r="C58" s="442">
        <v>137</v>
      </c>
      <c r="D58" s="452">
        <v>72</v>
      </c>
      <c r="E58" s="453">
        <v>65</v>
      </c>
      <c r="F58" s="442">
        <v>481</v>
      </c>
      <c r="G58" s="419">
        <v>254</v>
      </c>
      <c r="H58" s="419">
        <v>227</v>
      </c>
      <c r="I58" s="442">
        <v>1207</v>
      </c>
      <c r="J58" s="419">
        <v>621</v>
      </c>
      <c r="K58" s="419">
        <v>586</v>
      </c>
      <c r="L58" s="442">
        <v>1062</v>
      </c>
      <c r="M58" s="419">
        <v>576</v>
      </c>
      <c r="N58" s="418">
        <v>486</v>
      </c>
      <c r="O58" s="429"/>
    </row>
    <row r="59" spans="1:15" s="78" customFormat="1" ht="15" customHeight="1">
      <c r="A59" s="416"/>
      <c r="B59" s="451" t="s">
        <v>600</v>
      </c>
      <c r="C59" s="442">
        <v>106</v>
      </c>
      <c r="D59" s="452">
        <v>53</v>
      </c>
      <c r="E59" s="453">
        <v>53</v>
      </c>
      <c r="F59" s="442">
        <v>407</v>
      </c>
      <c r="G59" s="419">
        <v>207</v>
      </c>
      <c r="H59" s="419">
        <v>200</v>
      </c>
      <c r="I59" s="442">
        <v>951</v>
      </c>
      <c r="J59" s="419">
        <v>496</v>
      </c>
      <c r="K59" s="419">
        <v>455</v>
      </c>
      <c r="L59" s="442">
        <v>908</v>
      </c>
      <c r="M59" s="419">
        <v>461</v>
      </c>
      <c r="N59" s="418">
        <v>447</v>
      </c>
      <c r="O59" s="429"/>
    </row>
    <row r="60" spans="1:15" s="415" customFormat="1" ht="17.25" customHeight="1">
      <c r="A60" s="1045" t="s">
        <v>601</v>
      </c>
      <c r="B60" s="1046"/>
      <c r="C60" s="437">
        <v>1634</v>
      </c>
      <c r="D60" s="435">
        <v>823</v>
      </c>
      <c r="E60" s="435">
        <v>811</v>
      </c>
      <c r="F60" s="437">
        <v>4850</v>
      </c>
      <c r="G60" s="435">
        <v>2465</v>
      </c>
      <c r="H60" s="435">
        <v>2385</v>
      </c>
      <c r="I60" s="434">
        <v>15080</v>
      </c>
      <c r="J60" s="435">
        <v>7551</v>
      </c>
      <c r="K60" s="435">
        <v>7529</v>
      </c>
      <c r="L60" s="437">
        <v>13657</v>
      </c>
      <c r="M60" s="435">
        <v>6684</v>
      </c>
      <c r="N60" s="434">
        <v>6973</v>
      </c>
      <c r="O60" s="414"/>
    </row>
    <row r="61" spans="1:15" s="78" customFormat="1" ht="15" customHeight="1">
      <c r="A61" s="416"/>
      <c r="B61" s="451" t="s">
        <v>602</v>
      </c>
      <c r="C61" s="442">
        <v>1033</v>
      </c>
      <c r="D61" s="452">
        <v>540</v>
      </c>
      <c r="E61" s="453">
        <v>493</v>
      </c>
      <c r="F61" s="442">
        <v>2653</v>
      </c>
      <c r="G61" s="419">
        <v>1331</v>
      </c>
      <c r="H61" s="419">
        <v>1322</v>
      </c>
      <c r="I61" s="442">
        <v>7863</v>
      </c>
      <c r="J61" s="419">
        <v>4142</v>
      </c>
      <c r="K61" s="419">
        <v>3721</v>
      </c>
      <c r="L61" s="442">
        <v>7102</v>
      </c>
      <c r="M61" s="419">
        <v>3664</v>
      </c>
      <c r="N61" s="418">
        <v>3438</v>
      </c>
      <c r="O61" s="429"/>
    </row>
    <row r="62" spans="1:15" s="78" customFormat="1" ht="15" customHeight="1">
      <c r="A62" s="416"/>
      <c r="B62" s="451" t="s">
        <v>603</v>
      </c>
      <c r="C62" s="442">
        <v>154</v>
      </c>
      <c r="D62" s="452">
        <v>84</v>
      </c>
      <c r="E62" s="453">
        <v>70</v>
      </c>
      <c r="F62" s="442">
        <v>546</v>
      </c>
      <c r="G62" s="419">
        <v>293</v>
      </c>
      <c r="H62" s="419">
        <v>253</v>
      </c>
      <c r="I62" s="442">
        <v>1496</v>
      </c>
      <c r="J62" s="419">
        <v>777</v>
      </c>
      <c r="K62" s="419">
        <v>719</v>
      </c>
      <c r="L62" s="442">
        <v>1311</v>
      </c>
      <c r="M62" s="419">
        <v>659</v>
      </c>
      <c r="N62" s="418">
        <v>652</v>
      </c>
      <c r="O62" s="429"/>
    </row>
    <row r="63" spans="1:15" s="78" customFormat="1" ht="15" customHeight="1">
      <c r="A63" s="416"/>
      <c r="B63" s="451" t="s">
        <v>604</v>
      </c>
      <c r="C63" s="442">
        <v>29</v>
      </c>
      <c r="D63" s="452">
        <v>10</v>
      </c>
      <c r="E63" s="453">
        <v>19</v>
      </c>
      <c r="F63" s="442">
        <v>125</v>
      </c>
      <c r="G63" s="419">
        <v>70</v>
      </c>
      <c r="H63" s="419">
        <v>55</v>
      </c>
      <c r="I63" s="442">
        <v>327</v>
      </c>
      <c r="J63" s="419">
        <v>190</v>
      </c>
      <c r="K63" s="419">
        <v>137</v>
      </c>
      <c r="L63" s="442">
        <v>262</v>
      </c>
      <c r="M63" s="419">
        <v>149</v>
      </c>
      <c r="N63" s="418">
        <v>113</v>
      </c>
      <c r="O63" s="429"/>
    </row>
    <row r="64" spans="1:15" s="78" customFormat="1" ht="15" customHeight="1">
      <c r="A64" s="416"/>
      <c r="B64" s="451" t="s">
        <v>605</v>
      </c>
      <c r="C64" s="442">
        <v>103</v>
      </c>
      <c r="D64" s="452">
        <v>48</v>
      </c>
      <c r="E64" s="453">
        <v>55</v>
      </c>
      <c r="F64" s="442">
        <v>178</v>
      </c>
      <c r="G64" s="419">
        <v>104</v>
      </c>
      <c r="H64" s="419">
        <v>74</v>
      </c>
      <c r="I64" s="442">
        <v>706</v>
      </c>
      <c r="J64" s="419">
        <v>398</v>
      </c>
      <c r="K64" s="419">
        <v>308</v>
      </c>
      <c r="L64" s="442">
        <v>619</v>
      </c>
      <c r="M64" s="419">
        <v>315</v>
      </c>
      <c r="N64" s="418">
        <v>304</v>
      </c>
      <c r="O64" s="429"/>
    </row>
    <row r="65" spans="1:15" s="78" customFormat="1" ht="15" customHeight="1">
      <c r="A65" s="416"/>
      <c r="B65" s="451" t="s">
        <v>606</v>
      </c>
      <c r="C65" s="442">
        <v>51</v>
      </c>
      <c r="D65" s="452">
        <v>24</v>
      </c>
      <c r="E65" s="453">
        <v>27</v>
      </c>
      <c r="F65" s="442">
        <v>173</v>
      </c>
      <c r="G65" s="419">
        <v>85</v>
      </c>
      <c r="H65" s="419">
        <v>88</v>
      </c>
      <c r="I65" s="442">
        <v>910</v>
      </c>
      <c r="J65" s="419">
        <v>226</v>
      </c>
      <c r="K65" s="419">
        <v>684</v>
      </c>
      <c r="L65" s="442">
        <v>927</v>
      </c>
      <c r="M65" s="419">
        <v>243</v>
      </c>
      <c r="N65" s="418">
        <v>684</v>
      </c>
      <c r="O65" s="429"/>
    </row>
    <row r="66" spans="1:15" s="78" customFormat="1" ht="15" customHeight="1">
      <c r="A66" s="416"/>
      <c r="B66" s="451" t="s">
        <v>295</v>
      </c>
      <c r="C66" s="442">
        <v>23</v>
      </c>
      <c r="D66" s="452">
        <v>8</v>
      </c>
      <c r="E66" s="453">
        <v>15</v>
      </c>
      <c r="F66" s="442">
        <v>177</v>
      </c>
      <c r="G66" s="419">
        <v>88</v>
      </c>
      <c r="H66" s="419">
        <v>89</v>
      </c>
      <c r="I66" s="442">
        <v>242</v>
      </c>
      <c r="J66" s="419">
        <v>137</v>
      </c>
      <c r="K66" s="419">
        <v>105</v>
      </c>
      <c r="L66" s="442">
        <v>294</v>
      </c>
      <c r="M66" s="419">
        <v>157</v>
      </c>
      <c r="N66" s="418">
        <v>137</v>
      </c>
      <c r="O66" s="429"/>
    </row>
    <row r="67" spans="1:15" s="78" customFormat="1" ht="15" customHeight="1">
      <c r="A67" s="416"/>
      <c r="B67" s="451" t="s">
        <v>607</v>
      </c>
      <c r="C67" s="442">
        <v>136</v>
      </c>
      <c r="D67" s="452">
        <v>55</v>
      </c>
      <c r="E67" s="453">
        <v>81</v>
      </c>
      <c r="F67" s="442">
        <v>175</v>
      </c>
      <c r="G67" s="419">
        <v>78</v>
      </c>
      <c r="H67" s="419">
        <v>97</v>
      </c>
      <c r="I67" s="442">
        <v>877</v>
      </c>
      <c r="J67" s="419">
        <v>440</v>
      </c>
      <c r="K67" s="419">
        <v>437</v>
      </c>
      <c r="L67" s="442">
        <v>658</v>
      </c>
      <c r="M67" s="419">
        <v>350</v>
      </c>
      <c r="N67" s="418">
        <v>308</v>
      </c>
      <c r="O67" s="429"/>
    </row>
    <row r="68" spans="1:15" s="78" customFormat="1" ht="15" customHeight="1">
      <c r="A68" s="416"/>
      <c r="B68" s="451" t="s">
        <v>287</v>
      </c>
      <c r="C68" s="442">
        <v>23</v>
      </c>
      <c r="D68" s="452">
        <v>12</v>
      </c>
      <c r="E68" s="453">
        <v>11</v>
      </c>
      <c r="F68" s="442">
        <v>213</v>
      </c>
      <c r="G68" s="419">
        <v>112</v>
      </c>
      <c r="H68" s="419">
        <v>101</v>
      </c>
      <c r="I68" s="442">
        <v>1198</v>
      </c>
      <c r="J68" s="419">
        <v>546</v>
      </c>
      <c r="K68" s="419">
        <v>652</v>
      </c>
      <c r="L68" s="442">
        <v>1195</v>
      </c>
      <c r="M68" s="419">
        <v>561</v>
      </c>
      <c r="N68" s="418">
        <v>634</v>
      </c>
      <c r="O68" s="429"/>
    </row>
    <row r="69" spans="1:15" s="78" customFormat="1" ht="15" customHeight="1">
      <c r="A69" s="416"/>
      <c r="B69" s="451" t="s">
        <v>289</v>
      </c>
      <c r="C69" s="442">
        <v>14</v>
      </c>
      <c r="D69" s="452">
        <v>9</v>
      </c>
      <c r="E69" s="453">
        <v>5</v>
      </c>
      <c r="F69" s="442">
        <v>127</v>
      </c>
      <c r="G69" s="419">
        <v>59</v>
      </c>
      <c r="H69" s="419">
        <v>68</v>
      </c>
      <c r="I69" s="442">
        <v>224</v>
      </c>
      <c r="J69" s="419">
        <v>112</v>
      </c>
      <c r="K69" s="419">
        <v>112</v>
      </c>
      <c r="L69" s="442">
        <v>215</v>
      </c>
      <c r="M69" s="419">
        <v>99</v>
      </c>
      <c r="N69" s="418">
        <v>116</v>
      </c>
      <c r="O69" s="429"/>
    </row>
    <row r="70" spans="1:15" s="78" customFormat="1" ht="15" customHeight="1">
      <c r="A70" s="416"/>
      <c r="B70" s="451" t="s">
        <v>291</v>
      </c>
      <c r="C70" s="442">
        <v>68</v>
      </c>
      <c r="D70" s="452">
        <v>33</v>
      </c>
      <c r="E70" s="453">
        <v>35</v>
      </c>
      <c r="F70" s="442">
        <v>483</v>
      </c>
      <c r="G70" s="419">
        <v>245</v>
      </c>
      <c r="H70" s="419">
        <v>238</v>
      </c>
      <c r="I70" s="442">
        <v>1237</v>
      </c>
      <c r="J70" s="419">
        <v>583</v>
      </c>
      <c r="K70" s="419">
        <v>654</v>
      </c>
      <c r="L70" s="442">
        <v>1074</v>
      </c>
      <c r="M70" s="419">
        <v>487</v>
      </c>
      <c r="N70" s="418">
        <v>587</v>
      </c>
      <c r="O70" s="429"/>
    </row>
    <row r="71" spans="1:15" s="79" customFormat="1" ht="11.25" customHeight="1" thickBot="1">
      <c r="A71" s="430"/>
      <c r="B71" s="246"/>
      <c r="C71" s="430"/>
      <c r="D71" s="461"/>
      <c r="E71" s="461"/>
      <c r="F71" s="461"/>
      <c r="G71" s="461"/>
      <c r="H71" s="461"/>
      <c r="I71" s="430"/>
      <c r="J71" s="462"/>
      <c r="K71" s="462"/>
      <c r="L71" s="461"/>
      <c r="M71" s="461"/>
      <c r="N71" s="462"/>
    </row>
    <row r="72" spans="1:15" ht="9" customHeight="1" thickTop="1"/>
    <row r="73" spans="1:15" ht="15" customHeight="1">
      <c r="B73" s="388" t="s">
        <v>608</v>
      </c>
    </row>
  </sheetData>
  <mergeCells count="12">
    <mergeCell ref="A3:B4"/>
    <mergeCell ref="C3:E3"/>
    <mergeCell ref="F3:H3"/>
    <mergeCell ref="I3:K3"/>
    <mergeCell ref="L3:N3"/>
    <mergeCell ref="A60:B60"/>
    <mergeCell ref="A6:B6"/>
    <mergeCell ref="A25:B25"/>
    <mergeCell ref="A33:B33"/>
    <mergeCell ref="A39:B39"/>
    <mergeCell ref="A40:B40"/>
    <mergeCell ref="A51:B51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2" firstPageNumber="50" orientation="portrait" blackAndWhite="1" r:id="rId1"/>
  <headerFooter scaleWithDoc="0"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54"/>
  <sheetViews>
    <sheetView zoomScaleNormal="100" zoomScaleSheetLayoutView="100" workbookViewId="0"/>
  </sheetViews>
  <sheetFormatPr defaultRowHeight="13.5"/>
  <cols>
    <col min="1" max="1" width="7.5" style="79" customWidth="1"/>
    <col min="2" max="2" width="3.75" style="79" customWidth="1"/>
    <col min="3" max="5" width="12.5" style="79" customWidth="1"/>
    <col min="6" max="9" width="10.625" style="79" customWidth="1"/>
    <col min="10" max="16384" width="9" style="79"/>
  </cols>
  <sheetData>
    <row r="1" spans="1:9" ht="15" customHeight="1" thickBot="1">
      <c r="A1" s="761" t="s">
        <v>88</v>
      </c>
      <c r="B1" s="762"/>
      <c r="C1" s="60"/>
      <c r="D1" s="60"/>
      <c r="E1" s="60"/>
      <c r="F1" s="60"/>
      <c r="G1" s="60"/>
      <c r="H1" s="60"/>
      <c r="I1" s="60"/>
    </row>
    <row r="2" spans="1:9" ht="16.5" customHeight="1" thickTop="1">
      <c r="A2" s="936" t="s">
        <v>89</v>
      </c>
      <c r="B2" s="937"/>
      <c r="C2" s="942" t="s">
        <v>90</v>
      </c>
      <c r="D2" s="943"/>
      <c r="E2" s="943"/>
      <c r="F2" s="943"/>
      <c r="G2" s="943"/>
      <c r="H2" s="944"/>
      <c r="I2" s="61" t="s">
        <v>91</v>
      </c>
    </row>
    <row r="3" spans="1:9" ht="22.5" customHeight="1">
      <c r="A3" s="938"/>
      <c r="B3" s="939"/>
      <c r="C3" s="945" t="s">
        <v>92</v>
      </c>
      <c r="D3" s="946"/>
      <c r="E3" s="946"/>
      <c r="F3" s="947"/>
      <c r="G3" s="763" t="s">
        <v>93</v>
      </c>
      <c r="H3" s="763" t="s">
        <v>94</v>
      </c>
      <c r="I3" s="62" t="s">
        <v>95</v>
      </c>
    </row>
    <row r="4" spans="1:9" ht="21" customHeight="1">
      <c r="A4" s="940"/>
      <c r="B4" s="941"/>
      <c r="C4" s="764" t="s">
        <v>96</v>
      </c>
      <c r="D4" s="765" t="s">
        <v>97</v>
      </c>
      <c r="E4" s="766" t="s">
        <v>98</v>
      </c>
      <c r="F4" s="767" t="s">
        <v>99</v>
      </c>
      <c r="G4" s="764" t="s">
        <v>100</v>
      </c>
      <c r="H4" s="764" t="s">
        <v>100</v>
      </c>
      <c r="I4" s="63" t="s">
        <v>100</v>
      </c>
    </row>
    <row r="5" spans="1:9" ht="13.5" customHeight="1">
      <c r="A5" s="768"/>
      <c r="B5" s="768"/>
      <c r="C5" s="769" t="s">
        <v>103</v>
      </c>
      <c r="D5" s="770" t="s">
        <v>103</v>
      </c>
      <c r="E5" s="771" t="s">
        <v>103</v>
      </c>
      <c r="F5" s="772"/>
      <c r="G5" s="672"/>
      <c r="H5" s="672"/>
      <c r="I5" s="64"/>
    </row>
    <row r="6" spans="1:9" ht="16.5" customHeight="1">
      <c r="A6" s="952" t="s">
        <v>104</v>
      </c>
      <c r="B6" s="953"/>
      <c r="C6" s="773">
        <v>9227901</v>
      </c>
      <c r="D6" s="66">
        <v>4574834</v>
      </c>
      <c r="E6" s="67">
        <v>4653067</v>
      </c>
      <c r="F6" s="65">
        <v>98.318678841288985</v>
      </c>
      <c r="G6" s="65">
        <v>98.466242896007913</v>
      </c>
      <c r="H6" s="65">
        <v>98.655596330038435</v>
      </c>
      <c r="I6" s="68">
        <v>94.639123786937944</v>
      </c>
    </row>
    <row r="7" spans="1:9" ht="16.5" customHeight="1">
      <c r="A7" s="774" t="s">
        <v>105</v>
      </c>
      <c r="B7" s="92" t="s">
        <v>106</v>
      </c>
      <c r="C7" s="773">
        <v>310632</v>
      </c>
      <c r="D7" s="66">
        <v>158924</v>
      </c>
      <c r="E7" s="67">
        <v>151708</v>
      </c>
      <c r="F7" s="65">
        <v>104.75650591926595</v>
      </c>
      <c r="G7" s="65">
        <v>104.97148612153519</v>
      </c>
      <c r="H7" s="65">
        <v>105.08951757890532</v>
      </c>
      <c r="I7" s="68">
        <v>104.86618004866179</v>
      </c>
    </row>
    <row r="8" spans="1:9" ht="16.5" customHeight="1">
      <c r="A8" s="774" t="s">
        <v>107</v>
      </c>
      <c r="B8" s="775"/>
      <c r="C8" s="773">
        <v>355954</v>
      </c>
      <c r="D8" s="66">
        <v>182444</v>
      </c>
      <c r="E8" s="67">
        <v>173510</v>
      </c>
      <c r="F8" s="65">
        <v>105.14898276756384</v>
      </c>
      <c r="G8" s="65">
        <v>105.22681386050141</v>
      </c>
      <c r="H8" s="65">
        <v>105.2288128970314</v>
      </c>
      <c r="I8" s="68">
        <v>105.03746877601998</v>
      </c>
    </row>
    <row r="9" spans="1:9" ht="16.5" customHeight="1">
      <c r="A9" s="776" t="s">
        <v>108</v>
      </c>
      <c r="B9" s="777"/>
      <c r="C9" s="773">
        <v>380892</v>
      </c>
      <c r="D9" s="66">
        <v>194956</v>
      </c>
      <c r="E9" s="67">
        <v>185936</v>
      </c>
      <c r="F9" s="65">
        <v>104.85113157215386</v>
      </c>
      <c r="G9" s="65">
        <v>105.07404437316225</v>
      </c>
      <c r="H9" s="65">
        <v>105.25574897344502</v>
      </c>
      <c r="I9" s="68">
        <v>105.07162214479288</v>
      </c>
    </row>
    <row r="10" spans="1:9" ht="16.5" customHeight="1">
      <c r="A10" s="774" t="s">
        <v>109</v>
      </c>
      <c r="B10" s="775"/>
      <c r="C10" s="773">
        <v>397072</v>
      </c>
      <c r="D10" s="66">
        <v>204198</v>
      </c>
      <c r="E10" s="67">
        <v>192874</v>
      </c>
      <c r="F10" s="65">
        <v>105.87119051816212</v>
      </c>
      <c r="G10" s="65">
        <v>105.16134012660183</v>
      </c>
      <c r="H10" s="65">
        <v>104.97965432496676</v>
      </c>
      <c r="I10" s="68">
        <v>105.4355919583023</v>
      </c>
    </row>
    <row r="11" spans="1:9" ht="16.5" customHeight="1">
      <c r="A11" s="774" t="s">
        <v>110</v>
      </c>
      <c r="B11" s="775"/>
      <c r="C11" s="773">
        <v>494146</v>
      </c>
      <c r="D11" s="66">
        <v>251989</v>
      </c>
      <c r="E11" s="67">
        <v>242157</v>
      </c>
      <c r="F11" s="65">
        <v>104.06017583633758</v>
      </c>
      <c r="G11" s="65">
        <v>104.46425236844399</v>
      </c>
      <c r="H11" s="65">
        <v>105.25343144666768</v>
      </c>
      <c r="I11" s="68">
        <v>105.51724137931035</v>
      </c>
    </row>
    <row r="12" spans="1:9" ht="16.5" customHeight="1">
      <c r="A12" s="774" t="s">
        <v>111</v>
      </c>
      <c r="B12" s="775"/>
      <c r="C12" s="773">
        <v>498239</v>
      </c>
      <c r="D12" s="66">
        <v>257134</v>
      </c>
      <c r="E12" s="67">
        <v>241105</v>
      </c>
      <c r="F12" s="65">
        <v>106.64814085149624</v>
      </c>
      <c r="G12" s="65">
        <v>106.43560152514881</v>
      </c>
      <c r="H12" s="65">
        <v>106.81388828984257</v>
      </c>
      <c r="I12" s="68">
        <v>105.52166934189407</v>
      </c>
    </row>
    <row r="13" spans="1:9" ht="16.5" customHeight="1">
      <c r="A13" s="774" t="s">
        <v>112</v>
      </c>
      <c r="B13" s="775"/>
      <c r="C13" s="773">
        <v>483002</v>
      </c>
      <c r="D13" s="66">
        <v>248927</v>
      </c>
      <c r="E13" s="67">
        <v>234075</v>
      </c>
      <c r="F13" s="65">
        <v>106.34497490120687</v>
      </c>
      <c r="G13" s="65">
        <v>106.47404551238675</v>
      </c>
      <c r="H13" s="65">
        <v>106.70502444781656</v>
      </c>
      <c r="I13" s="68">
        <v>104.82274033854999</v>
      </c>
    </row>
    <row r="14" spans="1:9" ht="16.5" customHeight="1">
      <c r="A14" s="774" t="s">
        <v>113</v>
      </c>
      <c r="B14" s="775"/>
      <c r="C14" s="773">
        <v>533424</v>
      </c>
      <c r="D14" s="66">
        <v>274557</v>
      </c>
      <c r="E14" s="67">
        <v>258867</v>
      </c>
      <c r="F14" s="65">
        <v>106.06102747743049</v>
      </c>
      <c r="G14" s="65">
        <v>106.09675431932175</v>
      </c>
      <c r="H14" s="65">
        <v>105.67378504586648</v>
      </c>
      <c r="I14" s="68">
        <v>103.60692984947457</v>
      </c>
    </row>
    <row r="15" spans="1:9" ht="16.5" customHeight="1">
      <c r="A15" s="774" t="s">
        <v>114</v>
      </c>
      <c r="B15" s="775"/>
      <c r="C15" s="773">
        <v>596485</v>
      </c>
      <c r="D15" s="66">
        <v>305310</v>
      </c>
      <c r="E15" s="67">
        <v>291175</v>
      </c>
      <c r="F15" s="65">
        <v>104.85446896196447</v>
      </c>
      <c r="G15" s="65">
        <v>104.71936479576532</v>
      </c>
      <c r="H15" s="65">
        <v>104.88676727500112</v>
      </c>
      <c r="I15" s="68">
        <v>102.79774127310061</v>
      </c>
    </row>
    <row r="16" spans="1:9" ht="16.5" customHeight="1">
      <c r="A16" s="774" t="s">
        <v>115</v>
      </c>
      <c r="B16" s="775"/>
      <c r="C16" s="773">
        <v>718800</v>
      </c>
      <c r="D16" s="66">
        <v>367079</v>
      </c>
      <c r="E16" s="67">
        <v>351721</v>
      </c>
      <c r="F16" s="65">
        <v>104.36652915236793</v>
      </c>
      <c r="G16" s="65">
        <v>104.10574925338815</v>
      </c>
      <c r="H16" s="65">
        <v>103.9364648239868</v>
      </c>
      <c r="I16" s="68">
        <v>102.63328296999785</v>
      </c>
    </row>
    <row r="17" spans="1:9" ht="16.5" customHeight="1">
      <c r="A17" s="774" t="s">
        <v>116</v>
      </c>
      <c r="B17" s="775"/>
      <c r="C17" s="773">
        <v>764162</v>
      </c>
      <c r="D17" s="66">
        <v>390330</v>
      </c>
      <c r="E17" s="67">
        <v>373832</v>
      </c>
      <c r="F17" s="65">
        <v>104.41321235207259</v>
      </c>
      <c r="G17" s="65">
        <v>105.52913568685194</v>
      </c>
      <c r="H17" s="65">
        <v>106.63161190084179</v>
      </c>
      <c r="I17" s="68">
        <v>101.69923534409516</v>
      </c>
    </row>
    <row r="18" spans="1:9" ht="16.5" customHeight="1">
      <c r="A18" s="774" t="s">
        <v>117</v>
      </c>
      <c r="B18" s="775"/>
      <c r="C18" s="773">
        <v>639903</v>
      </c>
      <c r="D18" s="66">
        <v>330978</v>
      </c>
      <c r="E18" s="67">
        <v>308925</v>
      </c>
      <c r="F18" s="65">
        <v>107.13862588006798</v>
      </c>
      <c r="G18" s="65">
        <v>107.4220362775591</v>
      </c>
      <c r="H18" s="65">
        <v>107.43101320434943</v>
      </c>
      <c r="I18" s="68">
        <v>99.926253687315636</v>
      </c>
    </row>
    <row r="19" spans="1:9" ht="16.5" customHeight="1">
      <c r="A19" s="774" t="s">
        <v>118</v>
      </c>
      <c r="B19" s="775"/>
      <c r="C19" s="773">
        <v>514826</v>
      </c>
      <c r="D19" s="66">
        <v>262826</v>
      </c>
      <c r="E19" s="67">
        <v>252000</v>
      </c>
      <c r="F19" s="65">
        <v>104.29603174603174</v>
      </c>
      <c r="G19" s="65">
        <v>103.68848260857095</v>
      </c>
      <c r="H19" s="65">
        <v>103.23346646134071</v>
      </c>
      <c r="I19" s="68">
        <v>97.985687781606146</v>
      </c>
    </row>
    <row r="20" spans="1:9" ht="16.5" customHeight="1">
      <c r="A20" s="774" t="s">
        <v>119</v>
      </c>
      <c r="B20" s="775"/>
      <c r="C20" s="773">
        <v>462767</v>
      </c>
      <c r="D20" s="66">
        <v>228548</v>
      </c>
      <c r="E20" s="67">
        <v>234219</v>
      </c>
      <c r="F20" s="65">
        <v>97.578761757158901</v>
      </c>
      <c r="G20" s="65">
        <v>97.071359261063776</v>
      </c>
      <c r="H20" s="65">
        <v>96.507693389702027</v>
      </c>
      <c r="I20" s="68">
        <v>94.70664928292048</v>
      </c>
    </row>
    <row r="21" spans="1:9" ht="16.5" customHeight="1">
      <c r="A21" s="774" t="s">
        <v>120</v>
      </c>
      <c r="B21" s="775"/>
      <c r="C21" s="773">
        <v>583758</v>
      </c>
      <c r="D21" s="66">
        <v>276418</v>
      </c>
      <c r="E21" s="67">
        <v>307340</v>
      </c>
      <c r="F21" s="65">
        <v>89.938829960304545</v>
      </c>
      <c r="G21" s="65">
        <v>89.779926437120963</v>
      </c>
      <c r="H21" s="65">
        <v>89.687451164244408</v>
      </c>
      <c r="I21" s="68">
        <v>89.260780287474333</v>
      </c>
    </row>
    <row r="22" spans="1:9" ht="16.5" customHeight="1">
      <c r="A22" s="774" t="s">
        <v>121</v>
      </c>
      <c r="B22" s="775"/>
      <c r="C22" s="773">
        <v>484395</v>
      </c>
      <c r="D22" s="66">
        <v>218611</v>
      </c>
      <c r="E22" s="67">
        <v>265784</v>
      </c>
      <c r="F22" s="65">
        <v>82.251377058062175</v>
      </c>
      <c r="G22" s="65">
        <v>82.115257927976614</v>
      </c>
      <c r="H22" s="65">
        <v>82.055192502726072</v>
      </c>
      <c r="I22" s="68">
        <v>81.413679125349603</v>
      </c>
    </row>
    <row r="23" spans="1:9" ht="16.5" customHeight="1">
      <c r="A23" s="774" t="s">
        <v>122</v>
      </c>
      <c r="B23" s="775"/>
      <c r="C23" s="773">
        <v>389248</v>
      </c>
      <c r="D23" s="66">
        <v>166876</v>
      </c>
      <c r="E23" s="67">
        <v>222372</v>
      </c>
      <c r="F23" s="65">
        <v>75.043620599715794</v>
      </c>
      <c r="G23" s="65">
        <v>75.459499743816664</v>
      </c>
      <c r="H23" s="65">
        <v>75.817734643083313</v>
      </c>
      <c r="I23" s="68">
        <v>71.368798565451286</v>
      </c>
    </row>
    <row r="24" spans="1:9" ht="16.5" customHeight="1">
      <c r="A24" s="774" t="s">
        <v>123</v>
      </c>
      <c r="B24" s="775"/>
      <c r="C24" s="773">
        <v>252310</v>
      </c>
      <c r="D24" s="66">
        <v>96422</v>
      </c>
      <c r="E24" s="67">
        <v>155888</v>
      </c>
      <c r="F24" s="65">
        <v>61.853381915221185</v>
      </c>
      <c r="G24" s="65">
        <v>61.043530311595894</v>
      </c>
      <c r="H24" s="65">
        <v>59.723305157840265</v>
      </c>
      <c r="I24" s="68">
        <v>56.714060031595579</v>
      </c>
    </row>
    <row r="25" spans="1:9" ht="16.5" customHeight="1">
      <c r="A25" s="774" t="s">
        <v>124</v>
      </c>
      <c r="B25" s="775"/>
      <c r="C25" s="773">
        <v>117642</v>
      </c>
      <c r="D25" s="66">
        <v>35269</v>
      </c>
      <c r="E25" s="67">
        <v>82373</v>
      </c>
      <c r="F25" s="65">
        <v>42.816214050720504</v>
      </c>
      <c r="G25" s="65">
        <v>42.227816236626808</v>
      </c>
      <c r="H25" s="65">
        <v>41.872679774508455</v>
      </c>
      <c r="I25" s="68">
        <v>39.415041782729801</v>
      </c>
    </row>
    <row r="26" spans="1:9" ht="16.5" customHeight="1">
      <c r="A26" s="774" t="s">
        <v>125</v>
      </c>
      <c r="B26" s="775"/>
      <c r="C26" s="773">
        <v>31140</v>
      </c>
      <c r="D26" s="66">
        <v>6789</v>
      </c>
      <c r="E26" s="67">
        <v>24351</v>
      </c>
      <c r="F26" s="65">
        <v>27.879758531477144</v>
      </c>
      <c r="G26" s="65">
        <v>27.430001294274991</v>
      </c>
      <c r="H26" s="65">
        <v>25.168742921857305</v>
      </c>
      <c r="I26" s="68">
        <v>25.055432372505543</v>
      </c>
    </row>
    <row r="27" spans="1:9" ht="16.5" customHeight="1">
      <c r="A27" s="952" t="s">
        <v>126</v>
      </c>
      <c r="B27" s="953"/>
      <c r="C27" s="773">
        <v>5034</v>
      </c>
      <c r="D27" s="69">
        <v>689</v>
      </c>
      <c r="E27" s="70">
        <v>4345</v>
      </c>
      <c r="F27" s="65">
        <v>15.857307249712314</v>
      </c>
      <c r="G27" s="65">
        <v>15.251798561151078</v>
      </c>
      <c r="H27" s="65">
        <v>15.698133052853011</v>
      </c>
      <c r="I27" s="68">
        <v>13.157894736842104</v>
      </c>
    </row>
    <row r="28" spans="1:9" ht="16.5" customHeight="1">
      <c r="A28" s="778" t="s">
        <v>127</v>
      </c>
      <c r="B28" s="779" t="s">
        <v>106</v>
      </c>
      <c r="C28" s="780">
        <v>1047478</v>
      </c>
      <c r="D28" s="843">
        <v>536324</v>
      </c>
      <c r="E28" s="843">
        <v>511154</v>
      </c>
      <c r="F28" s="71">
        <v>104.92415201680902</v>
      </c>
      <c r="G28" s="71">
        <v>105.09525586907753</v>
      </c>
      <c r="H28" s="71">
        <v>105.19612953362964</v>
      </c>
      <c r="I28" s="782">
        <v>105</v>
      </c>
    </row>
    <row r="29" spans="1:9" ht="16.5" customHeight="1">
      <c r="A29" s="86" t="s">
        <v>128</v>
      </c>
      <c r="B29" s="293" t="s">
        <v>106</v>
      </c>
      <c r="C29" s="81">
        <v>5640059</v>
      </c>
      <c r="D29" s="781">
        <v>2893328</v>
      </c>
      <c r="E29" s="781">
        <v>2746731</v>
      </c>
      <c r="F29" s="65">
        <v>105.33714440911761</v>
      </c>
      <c r="G29" s="65">
        <v>105.38154612738182</v>
      </c>
      <c r="H29" s="65">
        <v>105.53912582640199</v>
      </c>
      <c r="I29" s="82">
        <v>102.72317156527684</v>
      </c>
    </row>
    <row r="30" spans="1:9" ht="16.5" customHeight="1">
      <c r="A30" s="954" t="s">
        <v>129</v>
      </c>
      <c r="B30" s="955"/>
      <c r="C30" s="781">
        <v>2326294</v>
      </c>
      <c r="D30" s="781">
        <v>1029622</v>
      </c>
      <c r="E30" s="781">
        <v>1296672</v>
      </c>
      <c r="F30" s="65">
        <v>79.40496902840502</v>
      </c>
      <c r="G30" s="65">
        <v>79.714931528353347</v>
      </c>
      <c r="H30" s="65">
        <v>79.879368477721371</v>
      </c>
      <c r="I30" s="82">
        <v>76.639484349821771</v>
      </c>
    </row>
    <row r="31" spans="1:9" ht="11.25" customHeight="1" thickBot="1">
      <c r="A31" s="72"/>
      <c r="B31" s="72"/>
      <c r="C31" s="73"/>
      <c r="D31" s="73"/>
      <c r="E31" s="73"/>
      <c r="F31" s="74"/>
      <c r="G31" s="75"/>
      <c r="H31" s="76"/>
      <c r="I31" s="77"/>
    </row>
    <row r="32" spans="1:9" ht="9" customHeight="1" thickTop="1">
      <c r="C32" s="83"/>
    </row>
    <row r="33" spans="1:9" ht="16.5" customHeight="1">
      <c r="A33" s="30" t="s">
        <v>130</v>
      </c>
      <c r="B33" s="80"/>
      <c r="C33" s="81"/>
      <c r="D33" s="81"/>
      <c r="E33" s="81"/>
      <c r="F33" s="68"/>
      <c r="G33" s="68"/>
      <c r="H33" s="68"/>
      <c r="I33" s="82"/>
    </row>
    <row r="34" spans="1:9" ht="16.5" customHeight="1">
      <c r="C34" s="83"/>
    </row>
    <row r="35" spans="1:9" ht="15" customHeight="1" thickBot="1">
      <c r="A35" s="783" t="s">
        <v>131</v>
      </c>
      <c r="B35" s="784"/>
      <c r="C35" s="84"/>
      <c r="D35" s="84"/>
      <c r="E35" s="84"/>
      <c r="F35" s="84"/>
      <c r="G35" s="84"/>
      <c r="H35" s="84"/>
      <c r="I35" s="84"/>
    </row>
    <row r="36" spans="1:9" ht="18" customHeight="1" thickTop="1">
      <c r="A36" s="956" t="s">
        <v>132</v>
      </c>
      <c r="B36" s="957"/>
      <c r="C36" s="958" t="s">
        <v>133</v>
      </c>
      <c r="D36" s="669" t="s">
        <v>101</v>
      </c>
      <c r="E36" s="669" t="s">
        <v>102</v>
      </c>
      <c r="F36" s="669" t="s">
        <v>134</v>
      </c>
      <c r="G36" s="948" t="s">
        <v>135</v>
      </c>
      <c r="H36" s="948"/>
      <c r="I36" s="949"/>
    </row>
    <row r="37" spans="1:9" ht="18" customHeight="1">
      <c r="A37" s="950" t="s">
        <v>136</v>
      </c>
      <c r="B37" s="951"/>
      <c r="C37" s="959"/>
      <c r="D37" s="785" t="s">
        <v>137</v>
      </c>
      <c r="E37" s="785" t="s">
        <v>138</v>
      </c>
      <c r="F37" s="785" t="s">
        <v>139</v>
      </c>
      <c r="G37" s="785" t="s">
        <v>133</v>
      </c>
      <c r="H37" s="785" t="s">
        <v>101</v>
      </c>
      <c r="I37" s="85" t="s">
        <v>102</v>
      </c>
    </row>
    <row r="38" spans="1:9" ht="17.25" customHeight="1">
      <c r="A38" s="116"/>
      <c r="B38" s="243"/>
      <c r="C38" s="105" t="s">
        <v>106</v>
      </c>
      <c r="D38" s="478" t="s">
        <v>106</v>
      </c>
      <c r="E38" s="86" t="s">
        <v>106</v>
      </c>
      <c r="F38" s="478" t="s">
        <v>106</v>
      </c>
      <c r="G38" s="86" t="s">
        <v>106</v>
      </c>
      <c r="H38" s="478" t="s">
        <v>106</v>
      </c>
      <c r="I38" s="86" t="s">
        <v>106</v>
      </c>
    </row>
    <row r="39" spans="1:9" ht="17.25" customHeight="1">
      <c r="A39" s="86" t="s">
        <v>140</v>
      </c>
      <c r="B39" s="293" t="s">
        <v>141</v>
      </c>
      <c r="C39" s="87">
        <v>47.03</v>
      </c>
      <c r="D39" s="87">
        <v>45.71</v>
      </c>
      <c r="E39" s="88">
        <v>48.32</v>
      </c>
      <c r="F39" s="87">
        <v>2.6099999999999994</v>
      </c>
      <c r="G39" s="87">
        <v>0.23000000000000398</v>
      </c>
      <c r="H39" s="87">
        <v>0.21000000000000085</v>
      </c>
      <c r="I39" s="88">
        <v>0.25</v>
      </c>
    </row>
    <row r="40" spans="1:9" ht="17.25" customHeight="1">
      <c r="A40" s="86"/>
      <c r="B40" s="293"/>
      <c r="C40" s="87"/>
      <c r="D40" s="87"/>
      <c r="E40" s="88"/>
      <c r="F40" s="87" t="s">
        <v>142</v>
      </c>
      <c r="G40" s="87"/>
      <c r="H40" s="87"/>
      <c r="I40" s="88"/>
    </row>
    <row r="41" spans="1:9" ht="17.25" customHeight="1">
      <c r="A41" s="86">
        <v>4</v>
      </c>
      <c r="B41" s="293" t="s">
        <v>141</v>
      </c>
      <c r="C41" s="87">
        <v>46.8</v>
      </c>
      <c r="D41" s="87">
        <v>45.5</v>
      </c>
      <c r="E41" s="88">
        <v>48.07</v>
      </c>
      <c r="F41" s="87">
        <v>2.5700000000000003</v>
      </c>
      <c r="G41" s="87">
        <v>0.27999999999999403</v>
      </c>
      <c r="H41" s="87">
        <v>0.25999999999999801</v>
      </c>
      <c r="I41" s="88">
        <v>0.28999999999999915</v>
      </c>
    </row>
    <row r="42" spans="1:9" ht="17.25" customHeight="1">
      <c r="A42" s="86">
        <v>3</v>
      </c>
      <c r="B42" s="293" t="s">
        <v>141</v>
      </c>
      <c r="C42" s="87">
        <v>46.52</v>
      </c>
      <c r="D42" s="87">
        <v>45.24</v>
      </c>
      <c r="E42" s="88">
        <v>47.78</v>
      </c>
      <c r="F42" s="87">
        <v>2.5399999999999991</v>
      </c>
      <c r="G42" s="87">
        <v>0.35000000000000142</v>
      </c>
      <c r="H42" s="87">
        <v>0.35000000000000142</v>
      </c>
      <c r="I42" s="88">
        <v>0.34000000000000341</v>
      </c>
    </row>
    <row r="43" spans="1:9" ht="17.25" customHeight="1">
      <c r="A43" s="86">
        <v>2</v>
      </c>
      <c r="B43" s="293" t="s">
        <v>141</v>
      </c>
      <c r="C43" s="87">
        <v>46.17</v>
      </c>
      <c r="D43" s="87">
        <v>44.89</v>
      </c>
      <c r="E43" s="88">
        <v>47.44</v>
      </c>
      <c r="F43" s="87">
        <v>2.5499999999999972</v>
      </c>
      <c r="G43" s="87">
        <v>0.26000000000000512</v>
      </c>
      <c r="H43" s="87">
        <v>0.25</v>
      </c>
      <c r="I43" s="88">
        <v>0.28000000000000114</v>
      </c>
    </row>
    <row r="44" spans="1:9" ht="17.25" customHeight="1">
      <c r="A44" s="86" t="s">
        <v>143</v>
      </c>
      <c r="B44" s="293" t="s">
        <v>141</v>
      </c>
      <c r="C44" s="87">
        <v>45.91</v>
      </c>
      <c r="D44" s="87">
        <v>44.64</v>
      </c>
      <c r="E44" s="88">
        <v>47.16</v>
      </c>
      <c r="F44" s="87">
        <v>2.519999999999996</v>
      </c>
      <c r="G44" s="87">
        <v>0.26999999999999602</v>
      </c>
      <c r="H44" s="87">
        <v>0.25</v>
      </c>
      <c r="I44" s="88">
        <v>0.27999999999999403</v>
      </c>
    </row>
    <row r="45" spans="1:9" ht="17.25" customHeight="1">
      <c r="A45" s="86">
        <v>30</v>
      </c>
      <c r="B45" s="293" t="s">
        <v>141</v>
      </c>
      <c r="C45" s="87">
        <v>45.64</v>
      </c>
      <c r="D45" s="87">
        <v>44.39</v>
      </c>
      <c r="E45" s="88">
        <v>46.88</v>
      </c>
      <c r="F45" s="87">
        <v>2.490000000000002</v>
      </c>
      <c r="G45" s="87">
        <v>0.28000000000000114</v>
      </c>
      <c r="H45" s="87">
        <v>0.27000000000000313</v>
      </c>
      <c r="I45" s="88">
        <v>0.30000000000000426</v>
      </c>
    </row>
    <row r="46" spans="1:9" ht="17.25" customHeight="1">
      <c r="A46" s="86">
        <v>29</v>
      </c>
      <c r="B46" s="293" t="s">
        <v>141</v>
      </c>
      <c r="C46" s="87">
        <v>45.36</v>
      </c>
      <c r="D46" s="87">
        <v>44.12</v>
      </c>
      <c r="E46" s="88">
        <v>46.58</v>
      </c>
      <c r="F46" s="87">
        <v>2.4600000000000009</v>
      </c>
      <c r="G46" s="87">
        <v>0.28999999999999915</v>
      </c>
      <c r="H46" s="87">
        <v>0.26999999999999602</v>
      </c>
      <c r="I46" s="88">
        <v>0.28999999999999915</v>
      </c>
    </row>
    <row r="47" spans="1:9" ht="17.25" customHeight="1">
      <c r="A47" s="86">
        <v>28</v>
      </c>
      <c r="B47" s="293" t="s">
        <v>141</v>
      </c>
      <c r="C47" s="87">
        <v>45.07</v>
      </c>
      <c r="D47" s="87">
        <v>43.85</v>
      </c>
      <c r="E47" s="88">
        <v>46.29</v>
      </c>
      <c r="F47" s="87">
        <v>2.4399999999999977</v>
      </c>
      <c r="G47" s="87">
        <v>0.31000000000000227</v>
      </c>
      <c r="H47" s="87">
        <v>0.31000000000000227</v>
      </c>
      <c r="I47" s="88">
        <v>0.32000000000000028</v>
      </c>
    </row>
    <row r="48" spans="1:9" ht="17.25" customHeight="1">
      <c r="A48" s="86">
        <v>27</v>
      </c>
      <c r="B48" s="293" t="s">
        <v>141</v>
      </c>
      <c r="C48" s="87">
        <v>44.76</v>
      </c>
      <c r="D48" s="87">
        <v>43.54</v>
      </c>
      <c r="E48" s="88">
        <v>45.97</v>
      </c>
      <c r="F48" s="87">
        <v>2.4299999999999997</v>
      </c>
      <c r="G48" s="87">
        <v>0.30999999999999517</v>
      </c>
      <c r="H48" s="87">
        <v>0.28999999999999915</v>
      </c>
      <c r="I48" s="88">
        <v>0.32000000000000028</v>
      </c>
    </row>
    <row r="49" spans="1:9" ht="17.25" customHeight="1">
      <c r="A49" s="86">
        <v>26</v>
      </c>
      <c r="B49" s="293" t="s">
        <v>141</v>
      </c>
      <c r="C49" s="87">
        <v>44.45</v>
      </c>
      <c r="D49" s="87">
        <v>43.25</v>
      </c>
      <c r="E49" s="88">
        <v>45.65</v>
      </c>
      <c r="F49" s="87">
        <v>2.3999999999999986</v>
      </c>
      <c r="G49" s="87">
        <v>0.31000000000000227</v>
      </c>
      <c r="H49" s="87">
        <v>0.29999999999999716</v>
      </c>
      <c r="I49" s="88">
        <v>0.32999999999999829</v>
      </c>
    </row>
    <row r="50" spans="1:9" ht="17.25" customHeight="1">
      <c r="A50" s="86">
        <v>25</v>
      </c>
      <c r="B50" s="293" t="s">
        <v>144</v>
      </c>
      <c r="C50" s="87">
        <v>44.14</v>
      </c>
      <c r="D50" s="87">
        <v>42.95</v>
      </c>
      <c r="E50" s="88">
        <v>45.32</v>
      </c>
      <c r="F50" s="87">
        <v>2.3699999999999974</v>
      </c>
      <c r="G50" s="87">
        <v>0.32000000000000028</v>
      </c>
      <c r="H50" s="87">
        <v>0.30000000000000426</v>
      </c>
      <c r="I50" s="786">
        <v>0.32999999999999829</v>
      </c>
    </row>
    <row r="51" spans="1:9" ht="17.25" customHeight="1">
      <c r="A51" s="86">
        <v>24</v>
      </c>
      <c r="B51" s="293" t="s">
        <v>144</v>
      </c>
      <c r="C51" s="87">
        <v>43.82</v>
      </c>
      <c r="D51" s="87">
        <v>42.65</v>
      </c>
      <c r="E51" s="88">
        <v>44.99</v>
      </c>
      <c r="F51" s="87">
        <v>2.3400000000000034</v>
      </c>
      <c r="G51" s="87">
        <v>0.32999999999999829</v>
      </c>
      <c r="H51" s="87">
        <v>0.32000000000000028</v>
      </c>
      <c r="I51" s="786">
        <v>0.34000000000000341</v>
      </c>
    </row>
    <row r="52" spans="1:9" ht="11.25" customHeight="1" thickBot="1">
      <c r="A52" s="72"/>
      <c r="B52" s="89"/>
      <c r="C52" s="90"/>
      <c r="D52" s="90"/>
      <c r="E52" s="90"/>
      <c r="F52" s="75"/>
      <c r="G52" s="75"/>
      <c r="H52" s="75"/>
      <c r="I52" s="77"/>
    </row>
    <row r="53" spans="1:9" ht="14.25" thickTop="1">
      <c r="A53" s="78"/>
      <c r="B53" s="78"/>
      <c r="C53" s="78"/>
      <c r="D53" s="78"/>
      <c r="E53" s="78"/>
      <c r="F53" s="91"/>
      <c r="G53" s="91"/>
      <c r="H53" s="91"/>
      <c r="I53" s="91"/>
    </row>
    <row r="54" spans="1:9">
      <c r="A54" s="78"/>
      <c r="B54" s="78"/>
      <c r="C54" s="78"/>
      <c r="D54" s="78"/>
      <c r="E54" s="78"/>
      <c r="F54" s="78"/>
      <c r="G54" s="78"/>
      <c r="H54" s="78"/>
      <c r="I54" s="78"/>
    </row>
  </sheetData>
  <mergeCells count="10">
    <mergeCell ref="A2:B4"/>
    <mergeCell ref="C2:H2"/>
    <mergeCell ref="C3:F3"/>
    <mergeCell ref="G36:I36"/>
    <mergeCell ref="A37:B37"/>
    <mergeCell ref="A6:B6"/>
    <mergeCell ref="A27:B27"/>
    <mergeCell ref="A30:B30"/>
    <mergeCell ref="A36:B36"/>
    <mergeCell ref="C36:C37"/>
  </mergeCells>
  <phoneticPr fontId="2"/>
  <printOptions horizontalCentered="1" gridLinesSet="0"/>
  <pageMargins left="0.70866141732283472" right="0.70866141732283472" top="0.70866141732283472" bottom="0.70866141732283472" header="0.31496062992125984" footer="0.19685039370078741"/>
  <pageSetup paperSize="9" scale="95" firstPageNumber="9" orientation="portrait" blackAndWhite="1" r:id="rId1"/>
  <headerFooter scaleWithDoc="0"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72"/>
  <sheetViews>
    <sheetView zoomScale="80" zoomScaleNormal="80" workbookViewId="0"/>
  </sheetViews>
  <sheetFormatPr defaultRowHeight="13.5"/>
  <cols>
    <col min="1" max="1" width="2.25" style="151" customWidth="1"/>
    <col min="2" max="2" width="13.25" style="151" customWidth="1"/>
    <col min="3" max="14" width="8.75" style="151" customWidth="1"/>
    <col min="15" max="16384" width="9" style="151"/>
  </cols>
  <sheetData>
    <row r="1" spans="1:17" ht="17.25">
      <c r="A1" s="658" t="s">
        <v>609</v>
      </c>
    </row>
    <row r="2" spans="1:17" s="79" customFormat="1" ht="24.75" customHeight="1" thickBot="1">
      <c r="A2" s="402" t="s">
        <v>610</v>
      </c>
      <c r="B2" s="116"/>
      <c r="C2" s="116"/>
      <c r="D2" s="116"/>
      <c r="E2" s="116"/>
      <c r="F2" s="116"/>
      <c r="G2" s="116"/>
      <c r="H2" s="116"/>
      <c r="I2" s="116"/>
      <c r="J2" s="116"/>
      <c r="K2" s="116"/>
      <c r="M2" s="116" t="s">
        <v>543</v>
      </c>
      <c r="N2" s="78"/>
    </row>
    <row r="3" spans="1:17" s="78" customFormat="1" ht="15" customHeight="1" thickTop="1">
      <c r="A3" s="1051" t="s">
        <v>544</v>
      </c>
      <c r="B3" s="1052"/>
      <c r="C3" s="1055" t="s">
        <v>611</v>
      </c>
      <c r="D3" s="1056"/>
      <c r="E3" s="1057"/>
      <c r="F3" s="1058" t="s">
        <v>612</v>
      </c>
      <c r="G3" s="1059"/>
      <c r="H3" s="1060"/>
      <c r="I3" s="1058" t="s">
        <v>322</v>
      </c>
      <c r="J3" s="1059"/>
      <c r="K3" s="1060"/>
      <c r="L3" s="1058" t="s">
        <v>323</v>
      </c>
      <c r="M3" s="1059"/>
      <c r="N3" s="1059"/>
    </row>
    <row r="4" spans="1:17" s="78" customFormat="1" ht="15" customHeight="1">
      <c r="A4" s="1053"/>
      <c r="B4" s="1054"/>
      <c r="C4" s="403" t="s">
        <v>194</v>
      </c>
      <c r="D4" s="403" t="s">
        <v>498</v>
      </c>
      <c r="E4" s="404" t="s">
        <v>499</v>
      </c>
      <c r="F4" s="405" t="s">
        <v>194</v>
      </c>
      <c r="G4" s="403" t="s">
        <v>498</v>
      </c>
      <c r="H4" s="403" t="s">
        <v>499</v>
      </c>
      <c r="I4" s="403" t="s">
        <v>194</v>
      </c>
      <c r="J4" s="403" t="s">
        <v>498</v>
      </c>
      <c r="K4" s="404" t="s">
        <v>499</v>
      </c>
      <c r="L4" s="405" t="s">
        <v>194</v>
      </c>
      <c r="M4" s="403" t="s">
        <v>498</v>
      </c>
      <c r="N4" s="403" t="s">
        <v>499</v>
      </c>
    </row>
    <row r="5" spans="1:17" s="415" customFormat="1" ht="17.25" customHeight="1">
      <c r="A5" s="408"/>
      <c r="B5" s="409" t="s">
        <v>548</v>
      </c>
      <c r="C5" s="434">
        <v>99088</v>
      </c>
      <c r="D5" s="435">
        <v>52731</v>
      </c>
      <c r="E5" s="436">
        <v>46357</v>
      </c>
      <c r="F5" s="437">
        <v>197</v>
      </c>
      <c r="G5" s="435">
        <v>102</v>
      </c>
      <c r="H5" s="435">
        <v>95</v>
      </c>
      <c r="I5" s="434">
        <v>9189</v>
      </c>
      <c r="J5" s="435">
        <v>6042</v>
      </c>
      <c r="K5" s="435">
        <v>3147</v>
      </c>
      <c r="L5" s="437">
        <v>89699</v>
      </c>
      <c r="M5" s="435">
        <v>46585</v>
      </c>
      <c r="N5" s="438">
        <v>43114</v>
      </c>
      <c r="O5" s="423"/>
    </row>
    <row r="6" spans="1:17" s="415" customFormat="1" ht="17.25" customHeight="1">
      <c r="A6" s="1047" t="s">
        <v>549</v>
      </c>
      <c r="B6" s="1048"/>
      <c r="C6" s="434">
        <v>39524</v>
      </c>
      <c r="D6" s="435">
        <v>20963</v>
      </c>
      <c r="E6" s="436">
        <v>18561</v>
      </c>
      <c r="F6" s="437">
        <v>83</v>
      </c>
      <c r="G6" s="435">
        <v>45</v>
      </c>
      <c r="H6" s="435">
        <v>38</v>
      </c>
      <c r="I6" s="434">
        <v>3668</v>
      </c>
      <c r="J6" s="435">
        <v>2381</v>
      </c>
      <c r="K6" s="435">
        <v>1287</v>
      </c>
      <c r="L6" s="437">
        <v>35773</v>
      </c>
      <c r="M6" s="435">
        <v>18537</v>
      </c>
      <c r="N6" s="434">
        <v>17236</v>
      </c>
      <c r="O6" s="423"/>
    </row>
    <row r="7" spans="1:17" s="78" customFormat="1" ht="15" customHeight="1">
      <c r="A7" s="416"/>
      <c r="B7" s="417" t="s">
        <v>550</v>
      </c>
      <c r="C7" s="439">
        <v>2863</v>
      </c>
      <c r="D7" s="440">
        <v>1545</v>
      </c>
      <c r="E7" s="441">
        <v>1318</v>
      </c>
      <c r="F7" s="442">
        <v>6</v>
      </c>
      <c r="G7" s="440">
        <v>3</v>
      </c>
      <c r="H7" s="442">
        <v>3</v>
      </c>
      <c r="I7" s="439">
        <v>303</v>
      </c>
      <c r="J7" s="440">
        <v>207</v>
      </c>
      <c r="K7" s="441">
        <v>96</v>
      </c>
      <c r="L7" s="442">
        <v>2554</v>
      </c>
      <c r="M7" s="440">
        <v>1335</v>
      </c>
      <c r="N7" s="442">
        <v>1219</v>
      </c>
      <c r="O7" s="429"/>
      <c r="Q7" s="116"/>
    </row>
    <row r="8" spans="1:17" s="78" customFormat="1" ht="15" customHeight="1">
      <c r="A8" s="416"/>
      <c r="B8" s="417" t="s">
        <v>551</v>
      </c>
      <c r="C8" s="439">
        <v>2362</v>
      </c>
      <c r="D8" s="440">
        <v>1231</v>
      </c>
      <c r="E8" s="441">
        <v>1131</v>
      </c>
      <c r="F8" s="442">
        <v>10</v>
      </c>
      <c r="G8" s="440">
        <v>6</v>
      </c>
      <c r="H8" s="442">
        <v>4</v>
      </c>
      <c r="I8" s="439">
        <v>228</v>
      </c>
      <c r="J8" s="440">
        <v>145</v>
      </c>
      <c r="K8" s="441">
        <v>83</v>
      </c>
      <c r="L8" s="442">
        <v>2124</v>
      </c>
      <c r="M8" s="440">
        <v>1080</v>
      </c>
      <c r="N8" s="442">
        <v>1044</v>
      </c>
      <c r="O8" s="429"/>
    </row>
    <row r="9" spans="1:17" s="78" customFormat="1" ht="15" customHeight="1">
      <c r="A9" s="416"/>
      <c r="B9" s="417" t="s">
        <v>552</v>
      </c>
      <c r="C9" s="439">
        <v>942</v>
      </c>
      <c r="D9" s="440">
        <v>470</v>
      </c>
      <c r="E9" s="441">
        <v>472</v>
      </c>
      <c r="F9" s="442">
        <v>2</v>
      </c>
      <c r="G9" s="440">
        <v>0</v>
      </c>
      <c r="H9" s="442">
        <v>2</v>
      </c>
      <c r="I9" s="439">
        <v>114</v>
      </c>
      <c r="J9" s="440">
        <v>73</v>
      </c>
      <c r="K9" s="441">
        <v>41</v>
      </c>
      <c r="L9" s="442">
        <v>826</v>
      </c>
      <c r="M9" s="440">
        <v>397</v>
      </c>
      <c r="N9" s="442">
        <v>429</v>
      </c>
      <c r="O9" s="429"/>
    </row>
    <row r="10" spans="1:17" s="78" customFormat="1" ht="15" customHeight="1">
      <c r="A10" s="416"/>
      <c r="B10" s="422" t="s">
        <v>553</v>
      </c>
      <c r="C10" s="439">
        <v>1852</v>
      </c>
      <c r="D10" s="440">
        <v>1119</v>
      </c>
      <c r="E10" s="441">
        <v>733</v>
      </c>
      <c r="F10" s="442">
        <v>1</v>
      </c>
      <c r="G10" s="440">
        <v>1</v>
      </c>
      <c r="H10" s="442">
        <v>0</v>
      </c>
      <c r="I10" s="439">
        <v>188</v>
      </c>
      <c r="J10" s="440">
        <v>153</v>
      </c>
      <c r="K10" s="441">
        <v>35</v>
      </c>
      <c r="L10" s="442">
        <v>1663</v>
      </c>
      <c r="M10" s="440">
        <v>965</v>
      </c>
      <c r="N10" s="442">
        <v>698</v>
      </c>
      <c r="O10" s="429"/>
    </row>
    <row r="11" spans="1:17" s="78" customFormat="1" ht="15" customHeight="1">
      <c r="A11" s="416"/>
      <c r="B11" s="422" t="s">
        <v>554</v>
      </c>
      <c r="C11" s="439">
        <v>2507</v>
      </c>
      <c r="D11" s="440">
        <v>1389</v>
      </c>
      <c r="E11" s="441">
        <v>1118</v>
      </c>
      <c r="F11" s="442">
        <v>5</v>
      </c>
      <c r="G11" s="440">
        <v>4</v>
      </c>
      <c r="H11" s="442">
        <v>1</v>
      </c>
      <c r="I11" s="439">
        <v>241</v>
      </c>
      <c r="J11" s="440">
        <v>163</v>
      </c>
      <c r="K11" s="441">
        <v>78</v>
      </c>
      <c r="L11" s="442">
        <v>2261</v>
      </c>
      <c r="M11" s="440">
        <v>1222</v>
      </c>
      <c r="N11" s="442">
        <v>1039</v>
      </c>
      <c r="O11" s="429"/>
    </row>
    <row r="12" spans="1:17" s="78" customFormat="1" ht="15" customHeight="1">
      <c r="A12" s="416"/>
      <c r="B12" s="422" t="s">
        <v>555</v>
      </c>
      <c r="C12" s="439">
        <v>2557</v>
      </c>
      <c r="D12" s="440">
        <v>1286</v>
      </c>
      <c r="E12" s="441">
        <v>1271</v>
      </c>
      <c r="F12" s="442">
        <v>2</v>
      </c>
      <c r="G12" s="440">
        <v>0</v>
      </c>
      <c r="H12" s="442">
        <v>2</v>
      </c>
      <c r="I12" s="439">
        <v>214</v>
      </c>
      <c r="J12" s="440">
        <v>139</v>
      </c>
      <c r="K12" s="441">
        <v>75</v>
      </c>
      <c r="L12" s="442">
        <v>2341</v>
      </c>
      <c r="M12" s="440">
        <v>1147</v>
      </c>
      <c r="N12" s="442">
        <v>1194</v>
      </c>
      <c r="O12" s="429"/>
    </row>
    <row r="13" spans="1:17" s="78" customFormat="1" ht="15" customHeight="1">
      <c r="A13" s="416"/>
      <c r="B13" s="422" t="s">
        <v>556</v>
      </c>
      <c r="C13" s="439">
        <v>1917</v>
      </c>
      <c r="D13" s="440">
        <v>1008</v>
      </c>
      <c r="E13" s="441">
        <v>909</v>
      </c>
      <c r="F13" s="442">
        <v>0</v>
      </c>
      <c r="G13" s="440">
        <v>0</v>
      </c>
      <c r="H13" s="442">
        <v>0</v>
      </c>
      <c r="I13" s="439">
        <v>185</v>
      </c>
      <c r="J13" s="440">
        <v>131</v>
      </c>
      <c r="K13" s="441">
        <v>54</v>
      </c>
      <c r="L13" s="442">
        <v>1732</v>
      </c>
      <c r="M13" s="440">
        <v>877</v>
      </c>
      <c r="N13" s="442">
        <v>855</v>
      </c>
      <c r="O13" s="429"/>
    </row>
    <row r="14" spans="1:17" s="78" customFormat="1" ht="15" customHeight="1">
      <c r="A14" s="416"/>
      <c r="B14" s="422" t="s">
        <v>557</v>
      </c>
      <c r="C14" s="439">
        <v>2327</v>
      </c>
      <c r="D14" s="440">
        <v>1180</v>
      </c>
      <c r="E14" s="441">
        <v>1147</v>
      </c>
      <c r="F14" s="442">
        <v>5</v>
      </c>
      <c r="G14" s="440">
        <v>1</v>
      </c>
      <c r="H14" s="442">
        <v>4</v>
      </c>
      <c r="I14" s="439">
        <v>183</v>
      </c>
      <c r="J14" s="440">
        <v>116</v>
      </c>
      <c r="K14" s="441">
        <v>67</v>
      </c>
      <c r="L14" s="442">
        <v>2139</v>
      </c>
      <c r="M14" s="440">
        <v>1063</v>
      </c>
      <c r="N14" s="442">
        <v>1076</v>
      </c>
      <c r="O14" s="429"/>
    </row>
    <row r="15" spans="1:17" s="78" customFormat="1" ht="15" customHeight="1">
      <c r="A15" s="416"/>
      <c r="B15" s="422" t="s">
        <v>558</v>
      </c>
      <c r="C15" s="439">
        <v>2976</v>
      </c>
      <c r="D15" s="440">
        <v>1559</v>
      </c>
      <c r="E15" s="441">
        <v>1417</v>
      </c>
      <c r="F15" s="442">
        <v>11</v>
      </c>
      <c r="G15" s="440">
        <v>7</v>
      </c>
      <c r="H15" s="442">
        <v>4</v>
      </c>
      <c r="I15" s="439">
        <v>315</v>
      </c>
      <c r="J15" s="440">
        <v>197</v>
      </c>
      <c r="K15" s="441">
        <v>118</v>
      </c>
      <c r="L15" s="442">
        <v>2650</v>
      </c>
      <c r="M15" s="440">
        <v>1355</v>
      </c>
      <c r="N15" s="442">
        <v>1295</v>
      </c>
      <c r="O15" s="429"/>
    </row>
    <row r="16" spans="1:17" s="78" customFormat="1" ht="15" customHeight="1">
      <c r="A16" s="416"/>
      <c r="B16" s="422" t="s">
        <v>559</v>
      </c>
      <c r="C16" s="439">
        <v>2949</v>
      </c>
      <c r="D16" s="440">
        <v>1577</v>
      </c>
      <c r="E16" s="441">
        <v>1372</v>
      </c>
      <c r="F16" s="442">
        <v>9</v>
      </c>
      <c r="G16" s="440">
        <v>5</v>
      </c>
      <c r="H16" s="442">
        <v>4</v>
      </c>
      <c r="I16" s="439">
        <v>248</v>
      </c>
      <c r="J16" s="440">
        <v>164</v>
      </c>
      <c r="K16" s="441">
        <v>84</v>
      </c>
      <c r="L16" s="442">
        <v>2692</v>
      </c>
      <c r="M16" s="440">
        <v>1408</v>
      </c>
      <c r="N16" s="442">
        <v>1284</v>
      </c>
      <c r="O16" s="429"/>
    </row>
    <row r="17" spans="1:15" s="78" customFormat="1" ht="15" customHeight="1">
      <c r="A17" s="416"/>
      <c r="B17" s="422" t="s">
        <v>560</v>
      </c>
      <c r="C17" s="439">
        <v>2432</v>
      </c>
      <c r="D17" s="440">
        <v>1280</v>
      </c>
      <c r="E17" s="441">
        <v>1152</v>
      </c>
      <c r="F17" s="442">
        <v>2</v>
      </c>
      <c r="G17" s="440">
        <v>1</v>
      </c>
      <c r="H17" s="442">
        <v>1</v>
      </c>
      <c r="I17" s="439">
        <v>192</v>
      </c>
      <c r="J17" s="440">
        <v>120</v>
      </c>
      <c r="K17" s="441">
        <v>72</v>
      </c>
      <c r="L17" s="442">
        <v>2238</v>
      </c>
      <c r="M17" s="440">
        <v>1159</v>
      </c>
      <c r="N17" s="442">
        <v>1079</v>
      </c>
      <c r="O17" s="429"/>
    </row>
    <row r="18" spans="1:15" s="78" customFormat="1" ht="15" customHeight="1">
      <c r="A18" s="416"/>
      <c r="B18" s="422" t="s">
        <v>561</v>
      </c>
      <c r="C18" s="439">
        <v>3142</v>
      </c>
      <c r="D18" s="440">
        <v>1668</v>
      </c>
      <c r="E18" s="441">
        <v>1474</v>
      </c>
      <c r="F18" s="442">
        <v>2</v>
      </c>
      <c r="G18" s="440">
        <v>1</v>
      </c>
      <c r="H18" s="442">
        <v>1</v>
      </c>
      <c r="I18" s="439">
        <v>286</v>
      </c>
      <c r="J18" s="440">
        <v>180</v>
      </c>
      <c r="K18" s="441">
        <v>106</v>
      </c>
      <c r="L18" s="442">
        <v>2854</v>
      </c>
      <c r="M18" s="440">
        <v>1487</v>
      </c>
      <c r="N18" s="442">
        <v>1367</v>
      </c>
      <c r="O18" s="429"/>
    </row>
    <row r="19" spans="1:15" s="78" customFormat="1" ht="15" customHeight="1">
      <c r="A19" s="416"/>
      <c r="B19" s="422" t="s">
        <v>562</v>
      </c>
      <c r="C19" s="439">
        <v>1794</v>
      </c>
      <c r="D19" s="440">
        <v>933</v>
      </c>
      <c r="E19" s="441">
        <v>861</v>
      </c>
      <c r="F19" s="442">
        <v>8</v>
      </c>
      <c r="G19" s="440">
        <v>4</v>
      </c>
      <c r="H19" s="442">
        <v>4</v>
      </c>
      <c r="I19" s="439">
        <v>172</v>
      </c>
      <c r="J19" s="440">
        <v>104</v>
      </c>
      <c r="K19" s="441">
        <v>68</v>
      </c>
      <c r="L19" s="442">
        <v>1614</v>
      </c>
      <c r="M19" s="440">
        <v>825</v>
      </c>
      <c r="N19" s="442">
        <v>789</v>
      </c>
      <c r="O19" s="429"/>
    </row>
    <row r="20" spans="1:15" s="78" customFormat="1" ht="15" customHeight="1">
      <c r="A20" s="416"/>
      <c r="B20" s="422" t="s">
        <v>563</v>
      </c>
      <c r="C20" s="439">
        <v>1556</v>
      </c>
      <c r="D20" s="440">
        <v>801</v>
      </c>
      <c r="E20" s="441">
        <v>755</v>
      </c>
      <c r="F20" s="442">
        <v>4</v>
      </c>
      <c r="G20" s="440">
        <v>3</v>
      </c>
      <c r="H20" s="442">
        <v>1</v>
      </c>
      <c r="I20" s="439">
        <v>140</v>
      </c>
      <c r="J20" s="440">
        <v>80</v>
      </c>
      <c r="K20" s="441">
        <v>60</v>
      </c>
      <c r="L20" s="442">
        <v>1412</v>
      </c>
      <c r="M20" s="440">
        <v>718</v>
      </c>
      <c r="N20" s="442">
        <v>694</v>
      </c>
      <c r="O20" s="429"/>
    </row>
    <row r="21" spans="1:15" s="78" customFormat="1" ht="15" customHeight="1">
      <c r="A21" s="416"/>
      <c r="B21" s="422" t="s">
        <v>564</v>
      </c>
      <c r="C21" s="439">
        <v>1422</v>
      </c>
      <c r="D21" s="440">
        <v>784</v>
      </c>
      <c r="E21" s="441">
        <v>638</v>
      </c>
      <c r="F21" s="442">
        <v>3</v>
      </c>
      <c r="G21" s="440">
        <v>2</v>
      </c>
      <c r="H21" s="442">
        <v>1</v>
      </c>
      <c r="I21" s="439">
        <v>99</v>
      </c>
      <c r="J21" s="440">
        <v>60</v>
      </c>
      <c r="K21" s="441">
        <v>39</v>
      </c>
      <c r="L21" s="442">
        <v>1320</v>
      </c>
      <c r="M21" s="440">
        <v>722</v>
      </c>
      <c r="N21" s="442">
        <v>598</v>
      </c>
      <c r="O21" s="429"/>
    </row>
    <row r="22" spans="1:15" s="78" customFormat="1" ht="15" customHeight="1">
      <c r="A22" s="416"/>
      <c r="B22" s="422" t="s">
        <v>565</v>
      </c>
      <c r="C22" s="439">
        <v>1817</v>
      </c>
      <c r="D22" s="440">
        <v>1010</v>
      </c>
      <c r="E22" s="441">
        <v>807</v>
      </c>
      <c r="F22" s="442">
        <v>1</v>
      </c>
      <c r="G22" s="440">
        <v>1</v>
      </c>
      <c r="H22" s="442">
        <v>0</v>
      </c>
      <c r="I22" s="439">
        <v>151</v>
      </c>
      <c r="J22" s="440">
        <v>99</v>
      </c>
      <c r="K22" s="441">
        <v>52</v>
      </c>
      <c r="L22" s="442">
        <v>1665</v>
      </c>
      <c r="M22" s="440">
        <v>910</v>
      </c>
      <c r="N22" s="442">
        <v>755</v>
      </c>
      <c r="O22" s="429"/>
    </row>
    <row r="23" spans="1:15" s="78" customFormat="1" ht="15" customHeight="1">
      <c r="A23" s="416"/>
      <c r="B23" s="422" t="s">
        <v>566</v>
      </c>
      <c r="C23" s="439">
        <v>2535</v>
      </c>
      <c r="D23" s="440">
        <v>1311</v>
      </c>
      <c r="E23" s="441">
        <v>1224</v>
      </c>
      <c r="F23" s="442">
        <v>6</v>
      </c>
      <c r="G23" s="440">
        <v>2</v>
      </c>
      <c r="H23" s="442">
        <v>4</v>
      </c>
      <c r="I23" s="439">
        <v>239</v>
      </c>
      <c r="J23" s="440">
        <v>151</v>
      </c>
      <c r="K23" s="441">
        <v>88</v>
      </c>
      <c r="L23" s="442">
        <v>2290</v>
      </c>
      <c r="M23" s="440">
        <v>1158</v>
      </c>
      <c r="N23" s="442">
        <v>1132</v>
      </c>
      <c r="O23" s="429"/>
    </row>
    <row r="24" spans="1:15" s="78" customFormat="1" ht="15" customHeight="1">
      <c r="A24" s="416"/>
      <c r="B24" s="422" t="s">
        <v>567</v>
      </c>
      <c r="C24" s="439">
        <v>1574</v>
      </c>
      <c r="D24" s="440">
        <v>812</v>
      </c>
      <c r="E24" s="441">
        <v>762</v>
      </c>
      <c r="F24" s="442">
        <v>6</v>
      </c>
      <c r="G24" s="440">
        <v>4</v>
      </c>
      <c r="H24" s="442">
        <v>2</v>
      </c>
      <c r="I24" s="439">
        <v>170</v>
      </c>
      <c r="J24" s="440">
        <v>99</v>
      </c>
      <c r="K24" s="441">
        <v>71</v>
      </c>
      <c r="L24" s="442">
        <v>1398</v>
      </c>
      <c r="M24" s="440">
        <v>709</v>
      </c>
      <c r="N24" s="442">
        <v>689</v>
      </c>
      <c r="O24" s="429"/>
    </row>
    <row r="25" spans="1:15" s="415" customFormat="1" ht="17.25" customHeight="1">
      <c r="A25" s="1047" t="s">
        <v>568</v>
      </c>
      <c r="B25" s="1048"/>
      <c r="C25" s="434">
        <v>13648</v>
      </c>
      <c r="D25" s="435">
        <v>7361</v>
      </c>
      <c r="E25" s="436">
        <v>6287</v>
      </c>
      <c r="F25" s="437">
        <v>32</v>
      </c>
      <c r="G25" s="435">
        <v>14</v>
      </c>
      <c r="H25" s="435">
        <v>18</v>
      </c>
      <c r="I25" s="434">
        <v>1499</v>
      </c>
      <c r="J25" s="435">
        <v>1013</v>
      </c>
      <c r="K25" s="435">
        <v>486</v>
      </c>
      <c r="L25" s="437">
        <v>12117</v>
      </c>
      <c r="M25" s="435">
        <v>6334</v>
      </c>
      <c r="N25" s="434">
        <v>5783</v>
      </c>
      <c r="O25" s="423"/>
    </row>
    <row r="26" spans="1:15" s="78" customFormat="1" ht="15" customHeight="1">
      <c r="A26" s="416"/>
      <c r="B26" s="422" t="s">
        <v>569</v>
      </c>
      <c r="C26" s="439">
        <v>2730</v>
      </c>
      <c r="D26" s="440">
        <v>1564</v>
      </c>
      <c r="E26" s="441">
        <v>1166</v>
      </c>
      <c r="F26" s="442">
        <v>6</v>
      </c>
      <c r="G26" s="440">
        <v>5</v>
      </c>
      <c r="H26" s="442">
        <v>1</v>
      </c>
      <c r="I26" s="439">
        <v>315</v>
      </c>
      <c r="J26" s="440">
        <v>220</v>
      </c>
      <c r="K26" s="441">
        <v>95</v>
      </c>
      <c r="L26" s="442">
        <v>2409</v>
      </c>
      <c r="M26" s="440">
        <v>1339</v>
      </c>
      <c r="N26" s="442">
        <v>1070</v>
      </c>
      <c r="O26" s="429"/>
    </row>
    <row r="27" spans="1:15" s="78" customFormat="1" ht="15" customHeight="1">
      <c r="A27" s="416"/>
      <c r="B27" s="422" t="s">
        <v>570</v>
      </c>
      <c r="C27" s="439">
        <v>1731</v>
      </c>
      <c r="D27" s="440">
        <v>937</v>
      </c>
      <c r="E27" s="441">
        <v>794</v>
      </c>
      <c r="F27" s="442">
        <v>1</v>
      </c>
      <c r="G27" s="440">
        <v>0</v>
      </c>
      <c r="H27" s="442">
        <v>1</v>
      </c>
      <c r="I27" s="439">
        <v>166</v>
      </c>
      <c r="J27" s="440">
        <v>119</v>
      </c>
      <c r="K27" s="441">
        <v>47</v>
      </c>
      <c r="L27" s="442">
        <v>1564</v>
      </c>
      <c r="M27" s="440">
        <v>818</v>
      </c>
      <c r="N27" s="442">
        <v>746</v>
      </c>
      <c r="O27" s="429"/>
    </row>
    <row r="28" spans="1:15" s="78" customFormat="1" ht="15" customHeight="1">
      <c r="A28" s="416"/>
      <c r="B28" s="422" t="s">
        <v>571</v>
      </c>
      <c r="C28" s="439">
        <v>1846</v>
      </c>
      <c r="D28" s="440">
        <v>965</v>
      </c>
      <c r="E28" s="441">
        <v>881</v>
      </c>
      <c r="F28" s="442">
        <v>8</v>
      </c>
      <c r="G28" s="440">
        <v>1</v>
      </c>
      <c r="H28" s="442">
        <v>7</v>
      </c>
      <c r="I28" s="439">
        <v>234</v>
      </c>
      <c r="J28" s="440">
        <v>169</v>
      </c>
      <c r="K28" s="441">
        <v>65</v>
      </c>
      <c r="L28" s="442">
        <v>1604</v>
      </c>
      <c r="M28" s="440">
        <v>795</v>
      </c>
      <c r="N28" s="442">
        <v>809</v>
      </c>
      <c r="O28" s="429"/>
    </row>
    <row r="29" spans="1:15" s="78" customFormat="1" ht="15" customHeight="1">
      <c r="A29" s="416"/>
      <c r="B29" s="422" t="s">
        <v>572</v>
      </c>
      <c r="C29" s="439">
        <v>1949</v>
      </c>
      <c r="D29" s="440">
        <v>1070</v>
      </c>
      <c r="E29" s="441">
        <v>879</v>
      </c>
      <c r="F29" s="442">
        <v>7</v>
      </c>
      <c r="G29" s="440">
        <v>5</v>
      </c>
      <c r="H29" s="442">
        <v>2</v>
      </c>
      <c r="I29" s="439">
        <v>203</v>
      </c>
      <c r="J29" s="440">
        <v>133</v>
      </c>
      <c r="K29" s="441">
        <v>70</v>
      </c>
      <c r="L29" s="442">
        <v>1739</v>
      </c>
      <c r="M29" s="440">
        <v>932</v>
      </c>
      <c r="N29" s="442">
        <v>807</v>
      </c>
      <c r="O29" s="429"/>
    </row>
    <row r="30" spans="1:15" s="78" customFormat="1" ht="15" customHeight="1">
      <c r="A30" s="416"/>
      <c r="B30" s="422" t="s">
        <v>573</v>
      </c>
      <c r="C30" s="439">
        <v>1838</v>
      </c>
      <c r="D30" s="440">
        <v>938</v>
      </c>
      <c r="E30" s="441">
        <v>900</v>
      </c>
      <c r="F30" s="442">
        <v>4</v>
      </c>
      <c r="G30" s="440">
        <v>2</v>
      </c>
      <c r="H30" s="442">
        <v>2</v>
      </c>
      <c r="I30" s="439">
        <v>205</v>
      </c>
      <c r="J30" s="440">
        <v>129</v>
      </c>
      <c r="K30" s="441">
        <v>76</v>
      </c>
      <c r="L30" s="442">
        <v>1629</v>
      </c>
      <c r="M30" s="440">
        <v>807</v>
      </c>
      <c r="N30" s="442">
        <v>822</v>
      </c>
      <c r="O30" s="429"/>
    </row>
    <row r="31" spans="1:15" s="78" customFormat="1" ht="15" customHeight="1">
      <c r="A31" s="416"/>
      <c r="B31" s="422" t="s">
        <v>574</v>
      </c>
      <c r="C31" s="439">
        <v>1951</v>
      </c>
      <c r="D31" s="440">
        <v>1052</v>
      </c>
      <c r="E31" s="441">
        <v>899</v>
      </c>
      <c r="F31" s="442">
        <v>2</v>
      </c>
      <c r="G31" s="440">
        <v>1</v>
      </c>
      <c r="H31" s="442">
        <v>1</v>
      </c>
      <c r="I31" s="439">
        <v>229</v>
      </c>
      <c r="J31" s="440">
        <v>151</v>
      </c>
      <c r="K31" s="441">
        <v>78</v>
      </c>
      <c r="L31" s="442">
        <v>1720</v>
      </c>
      <c r="M31" s="440">
        <v>900</v>
      </c>
      <c r="N31" s="442">
        <v>820</v>
      </c>
      <c r="O31" s="429"/>
    </row>
    <row r="32" spans="1:15" s="78" customFormat="1" ht="15" customHeight="1">
      <c r="A32" s="416"/>
      <c r="B32" s="422" t="s">
        <v>575</v>
      </c>
      <c r="C32" s="439">
        <v>1603</v>
      </c>
      <c r="D32" s="440">
        <v>835</v>
      </c>
      <c r="E32" s="441">
        <v>768</v>
      </c>
      <c r="F32" s="442">
        <v>4</v>
      </c>
      <c r="G32" s="440">
        <v>0</v>
      </c>
      <c r="H32" s="442">
        <v>4</v>
      </c>
      <c r="I32" s="439">
        <v>147</v>
      </c>
      <c r="J32" s="440">
        <v>92</v>
      </c>
      <c r="K32" s="441">
        <v>55</v>
      </c>
      <c r="L32" s="442">
        <v>1452</v>
      </c>
      <c r="M32" s="440">
        <v>743</v>
      </c>
      <c r="N32" s="442">
        <v>709</v>
      </c>
      <c r="O32" s="429"/>
    </row>
    <row r="33" spans="1:15" s="415" customFormat="1" ht="17.25" customHeight="1">
      <c r="A33" s="1045" t="s">
        <v>576</v>
      </c>
      <c r="B33" s="1046"/>
      <c r="C33" s="434">
        <v>9686</v>
      </c>
      <c r="D33" s="435">
        <v>4989</v>
      </c>
      <c r="E33" s="436">
        <v>4697</v>
      </c>
      <c r="F33" s="437">
        <v>10</v>
      </c>
      <c r="G33" s="435">
        <v>7</v>
      </c>
      <c r="H33" s="435">
        <v>3</v>
      </c>
      <c r="I33" s="434">
        <v>692</v>
      </c>
      <c r="J33" s="435">
        <v>444</v>
      </c>
      <c r="K33" s="435">
        <v>248</v>
      </c>
      <c r="L33" s="437">
        <v>8984</v>
      </c>
      <c r="M33" s="435">
        <v>4538</v>
      </c>
      <c r="N33" s="434">
        <v>4446</v>
      </c>
      <c r="O33" s="423"/>
    </row>
    <row r="34" spans="1:15" s="78" customFormat="1" ht="15" customHeight="1">
      <c r="A34" s="416"/>
      <c r="B34" s="422" t="s">
        <v>577</v>
      </c>
      <c r="C34" s="439">
        <v>5405</v>
      </c>
      <c r="D34" s="440">
        <v>2846</v>
      </c>
      <c r="E34" s="441">
        <v>2559</v>
      </c>
      <c r="F34" s="442">
        <v>7</v>
      </c>
      <c r="G34" s="440">
        <v>4</v>
      </c>
      <c r="H34" s="442">
        <v>3</v>
      </c>
      <c r="I34" s="439">
        <v>426</v>
      </c>
      <c r="J34" s="440">
        <v>280</v>
      </c>
      <c r="K34" s="441">
        <v>146</v>
      </c>
      <c r="L34" s="442">
        <v>4972</v>
      </c>
      <c r="M34" s="440">
        <v>2562</v>
      </c>
      <c r="N34" s="442">
        <v>2410</v>
      </c>
      <c r="O34" s="429"/>
    </row>
    <row r="35" spans="1:15" s="78" customFormat="1" ht="15" customHeight="1">
      <c r="A35" s="416"/>
      <c r="B35" s="422" t="s">
        <v>578</v>
      </c>
      <c r="C35" s="439">
        <v>2343</v>
      </c>
      <c r="D35" s="440">
        <v>1156</v>
      </c>
      <c r="E35" s="441">
        <v>1187</v>
      </c>
      <c r="F35" s="442">
        <v>2</v>
      </c>
      <c r="G35" s="440">
        <v>2</v>
      </c>
      <c r="H35" s="442">
        <v>0</v>
      </c>
      <c r="I35" s="439">
        <v>136</v>
      </c>
      <c r="J35" s="440">
        <v>82</v>
      </c>
      <c r="K35" s="441">
        <v>54</v>
      </c>
      <c r="L35" s="442">
        <v>2205</v>
      </c>
      <c r="M35" s="440">
        <v>1072</v>
      </c>
      <c r="N35" s="442">
        <v>1133</v>
      </c>
      <c r="O35" s="429"/>
    </row>
    <row r="36" spans="1:15" s="78" customFormat="1" ht="15" customHeight="1">
      <c r="A36" s="416"/>
      <c r="B36" s="422" t="s">
        <v>579</v>
      </c>
      <c r="C36" s="439">
        <v>808</v>
      </c>
      <c r="D36" s="440">
        <v>412</v>
      </c>
      <c r="E36" s="441">
        <v>396</v>
      </c>
      <c r="F36" s="442">
        <v>0</v>
      </c>
      <c r="G36" s="440">
        <v>0</v>
      </c>
      <c r="H36" s="442">
        <v>0</v>
      </c>
      <c r="I36" s="439">
        <v>60</v>
      </c>
      <c r="J36" s="440">
        <v>41</v>
      </c>
      <c r="K36" s="441">
        <v>19</v>
      </c>
      <c r="L36" s="442">
        <v>748</v>
      </c>
      <c r="M36" s="440">
        <v>371</v>
      </c>
      <c r="N36" s="442">
        <v>377</v>
      </c>
      <c r="O36" s="429"/>
    </row>
    <row r="37" spans="1:15" s="78" customFormat="1" ht="15" customHeight="1">
      <c r="A37" s="416"/>
      <c r="B37" s="422" t="s">
        <v>580</v>
      </c>
      <c r="C37" s="439">
        <v>713</v>
      </c>
      <c r="D37" s="440">
        <v>362</v>
      </c>
      <c r="E37" s="441">
        <v>351</v>
      </c>
      <c r="F37" s="442">
        <v>0</v>
      </c>
      <c r="G37" s="440">
        <v>0</v>
      </c>
      <c r="H37" s="442">
        <v>0</v>
      </c>
      <c r="I37" s="439">
        <v>37</v>
      </c>
      <c r="J37" s="440">
        <v>22</v>
      </c>
      <c r="K37" s="441">
        <v>15</v>
      </c>
      <c r="L37" s="442">
        <v>676</v>
      </c>
      <c r="M37" s="440">
        <v>340</v>
      </c>
      <c r="N37" s="442">
        <v>336</v>
      </c>
      <c r="O37" s="429"/>
    </row>
    <row r="38" spans="1:15" s="78" customFormat="1" ht="15" customHeight="1">
      <c r="A38" s="416"/>
      <c r="B38" s="422" t="s">
        <v>581</v>
      </c>
      <c r="C38" s="439">
        <v>417</v>
      </c>
      <c r="D38" s="440">
        <v>213</v>
      </c>
      <c r="E38" s="441">
        <v>204</v>
      </c>
      <c r="F38" s="442">
        <v>1</v>
      </c>
      <c r="G38" s="440">
        <v>1</v>
      </c>
      <c r="H38" s="442">
        <v>0</v>
      </c>
      <c r="I38" s="439">
        <v>33</v>
      </c>
      <c r="J38" s="440">
        <v>19</v>
      </c>
      <c r="K38" s="441">
        <v>14</v>
      </c>
      <c r="L38" s="442">
        <v>383</v>
      </c>
      <c r="M38" s="440">
        <v>193</v>
      </c>
      <c r="N38" s="442">
        <v>190</v>
      </c>
      <c r="O38" s="429"/>
    </row>
    <row r="39" spans="1:15" s="415" customFormat="1" ht="17.25" customHeight="1">
      <c r="A39" s="1045" t="s">
        <v>613</v>
      </c>
      <c r="B39" s="1046"/>
      <c r="C39" s="434">
        <v>17064</v>
      </c>
      <c r="D39" s="435">
        <v>9462</v>
      </c>
      <c r="E39" s="436">
        <v>7602</v>
      </c>
      <c r="F39" s="437">
        <v>36</v>
      </c>
      <c r="G39" s="435">
        <v>19</v>
      </c>
      <c r="H39" s="435">
        <v>17</v>
      </c>
      <c r="I39" s="434">
        <v>1722</v>
      </c>
      <c r="J39" s="435">
        <v>1190</v>
      </c>
      <c r="K39" s="435">
        <v>532</v>
      </c>
      <c r="L39" s="437">
        <v>15306</v>
      </c>
      <c r="M39" s="435">
        <v>8253</v>
      </c>
      <c r="N39" s="434">
        <v>7053</v>
      </c>
      <c r="O39" s="423"/>
    </row>
    <row r="40" spans="1:15" s="415" customFormat="1" ht="15" customHeight="1">
      <c r="A40" s="1049" t="s">
        <v>583</v>
      </c>
      <c r="B40" s="1050"/>
      <c r="C40" s="439">
        <v>8055</v>
      </c>
      <c r="D40" s="440">
        <v>4417</v>
      </c>
      <c r="E40" s="441">
        <v>3638</v>
      </c>
      <c r="F40" s="439">
        <v>21</v>
      </c>
      <c r="G40" s="440">
        <v>14</v>
      </c>
      <c r="H40" s="442">
        <v>7</v>
      </c>
      <c r="I40" s="439">
        <v>773</v>
      </c>
      <c r="J40" s="440">
        <v>530</v>
      </c>
      <c r="K40" s="441">
        <v>243</v>
      </c>
      <c r="L40" s="442">
        <v>7261</v>
      </c>
      <c r="M40" s="440">
        <v>3873</v>
      </c>
      <c r="N40" s="442">
        <v>3388</v>
      </c>
      <c r="O40" s="423"/>
    </row>
    <row r="41" spans="1:15" s="415" customFormat="1" ht="15" customHeight="1">
      <c r="A41" s="424"/>
      <c r="B41" s="422" t="s">
        <v>584</v>
      </c>
      <c r="C41" s="439">
        <v>1963</v>
      </c>
      <c r="D41" s="440">
        <v>1012</v>
      </c>
      <c r="E41" s="441">
        <v>951</v>
      </c>
      <c r="F41" s="439">
        <v>6</v>
      </c>
      <c r="G41" s="440">
        <v>4</v>
      </c>
      <c r="H41" s="442">
        <v>2</v>
      </c>
      <c r="I41" s="439">
        <v>160</v>
      </c>
      <c r="J41" s="440">
        <v>100</v>
      </c>
      <c r="K41" s="441">
        <v>60</v>
      </c>
      <c r="L41" s="439">
        <v>1797</v>
      </c>
      <c r="M41" s="440">
        <v>908</v>
      </c>
      <c r="N41" s="442">
        <v>889</v>
      </c>
      <c r="O41" s="423"/>
    </row>
    <row r="42" spans="1:15" s="415" customFormat="1" ht="15" customHeight="1">
      <c r="A42" s="424"/>
      <c r="B42" s="422" t="s">
        <v>585</v>
      </c>
      <c r="C42" s="439">
        <v>3047</v>
      </c>
      <c r="D42" s="440">
        <v>1735</v>
      </c>
      <c r="E42" s="441">
        <v>1312</v>
      </c>
      <c r="F42" s="439">
        <v>9</v>
      </c>
      <c r="G42" s="440">
        <v>5</v>
      </c>
      <c r="H42" s="442">
        <v>4</v>
      </c>
      <c r="I42" s="439">
        <v>341</v>
      </c>
      <c r="J42" s="440">
        <v>239</v>
      </c>
      <c r="K42" s="441">
        <v>102</v>
      </c>
      <c r="L42" s="439">
        <v>2697</v>
      </c>
      <c r="M42" s="440">
        <v>1491</v>
      </c>
      <c r="N42" s="442">
        <v>1206</v>
      </c>
      <c r="O42" s="423"/>
    </row>
    <row r="43" spans="1:15" s="415" customFormat="1" ht="15" customHeight="1">
      <c r="A43" s="424"/>
      <c r="B43" s="425" t="s">
        <v>586</v>
      </c>
      <c r="C43" s="439">
        <v>3045</v>
      </c>
      <c r="D43" s="440">
        <v>1670</v>
      </c>
      <c r="E43" s="441">
        <v>1375</v>
      </c>
      <c r="F43" s="443">
        <v>6</v>
      </c>
      <c r="G43" s="443">
        <v>5</v>
      </c>
      <c r="H43" s="444">
        <v>1</v>
      </c>
      <c r="I43" s="445">
        <v>272</v>
      </c>
      <c r="J43" s="443">
        <v>191</v>
      </c>
      <c r="K43" s="446">
        <v>81</v>
      </c>
      <c r="L43" s="445">
        <v>2767</v>
      </c>
      <c r="M43" s="443">
        <v>1474</v>
      </c>
      <c r="N43" s="444">
        <v>1293</v>
      </c>
      <c r="O43" s="423"/>
    </row>
    <row r="44" spans="1:15" s="78" customFormat="1" ht="15" customHeight="1">
      <c r="A44" s="416"/>
      <c r="B44" s="422" t="s">
        <v>587</v>
      </c>
      <c r="C44" s="439">
        <v>2364</v>
      </c>
      <c r="D44" s="440">
        <v>1337</v>
      </c>
      <c r="E44" s="441">
        <v>1027</v>
      </c>
      <c r="F44" s="440">
        <v>3</v>
      </c>
      <c r="G44" s="440">
        <v>1</v>
      </c>
      <c r="H44" s="442">
        <v>2</v>
      </c>
      <c r="I44" s="439">
        <v>254</v>
      </c>
      <c r="J44" s="440">
        <v>180</v>
      </c>
      <c r="K44" s="441">
        <v>74</v>
      </c>
      <c r="L44" s="440">
        <v>2107</v>
      </c>
      <c r="M44" s="440">
        <v>1156</v>
      </c>
      <c r="N44" s="442">
        <v>951</v>
      </c>
      <c r="O44" s="421"/>
    </row>
    <row r="45" spans="1:15" s="78" customFormat="1" ht="15" customHeight="1">
      <c r="A45" s="416"/>
      <c r="B45" s="422" t="s">
        <v>588</v>
      </c>
      <c r="C45" s="439">
        <v>2460</v>
      </c>
      <c r="D45" s="440">
        <v>1336</v>
      </c>
      <c r="E45" s="441">
        <v>1124</v>
      </c>
      <c r="F45" s="442">
        <v>4</v>
      </c>
      <c r="G45" s="440">
        <v>1</v>
      </c>
      <c r="H45" s="442">
        <v>3</v>
      </c>
      <c r="I45" s="439">
        <v>272</v>
      </c>
      <c r="J45" s="440">
        <v>186</v>
      </c>
      <c r="K45" s="441">
        <v>86</v>
      </c>
      <c r="L45" s="442">
        <v>2184</v>
      </c>
      <c r="M45" s="440">
        <v>1149</v>
      </c>
      <c r="N45" s="442">
        <v>1035</v>
      </c>
      <c r="O45" s="421"/>
    </row>
    <row r="46" spans="1:15" s="78" customFormat="1" ht="15" customHeight="1">
      <c r="A46" s="416"/>
      <c r="B46" s="422" t="s">
        <v>589</v>
      </c>
      <c r="C46" s="439">
        <v>1312</v>
      </c>
      <c r="D46" s="440">
        <v>724</v>
      </c>
      <c r="E46" s="441">
        <v>588</v>
      </c>
      <c r="F46" s="442">
        <v>3</v>
      </c>
      <c r="G46" s="440">
        <v>2</v>
      </c>
      <c r="H46" s="442">
        <v>1</v>
      </c>
      <c r="I46" s="439">
        <v>143</v>
      </c>
      <c r="J46" s="440">
        <v>99</v>
      </c>
      <c r="K46" s="441">
        <v>44</v>
      </c>
      <c r="L46" s="442">
        <v>1166</v>
      </c>
      <c r="M46" s="440">
        <v>623</v>
      </c>
      <c r="N46" s="442">
        <v>543</v>
      </c>
      <c r="O46" s="429"/>
    </row>
    <row r="47" spans="1:15" s="78" customFormat="1" ht="15" customHeight="1">
      <c r="A47" s="416"/>
      <c r="B47" s="422" t="s">
        <v>590</v>
      </c>
      <c r="C47" s="439">
        <v>1444</v>
      </c>
      <c r="D47" s="440">
        <v>809</v>
      </c>
      <c r="E47" s="441">
        <v>635</v>
      </c>
      <c r="F47" s="442">
        <v>4</v>
      </c>
      <c r="G47" s="440">
        <v>1</v>
      </c>
      <c r="H47" s="442">
        <v>3</v>
      </c>
      <c r="I47" s="439">
        <v>146</v>
      </c>
      <c r="J47" s="440">
        <v>97</v>
      </c>
      <c r="K47" s="441">
        <v>49</v>
      </c>
      <c r="L47" s="442">
        <v>1294</v>
      </c>
      <c r="M47" s="440">
        <v>711</v>
      </c>
      <c r="N47" s="442">
        <v>583</v>
      </c>
      <c r="O47" s="429"/>
    </row>
    <row r="48" spans="1:15" s="78" customFormat="1" ht="15" customHeight="1">
      <c r="A48" s="416"/>
      <c r="B48" s="422" t="s">
        <v>591</v>
      </c>
      <c r="C48" s="439">
        <v>915</v>
      </c>
      <c r="D48" s="440">
        <v>550</v>
      </c>
      <c r="E48" s="441">
        <v>365</v>
      </c>
      <c r="F48" s="442">
        <v>1</v>
      </c>
      <c r="G48" s="440">
        <v>0</v>
      </c>
      <c r="H48" s="442">
        <v>1</v>
      </c>
      <c r="I48" s="439">
        <v>89</v>
      </c>
      <c r="J48" s="440">
        <v>65</v>
      </c>
      <c r="K48" s="441">
        <v>24</v>
      </c>
      <c r="L48" s="442">
        <v>825</v>
      </c>
      <c r="M48" s="440">
        <v>485</v>
      </c>
      <c r="N48" s="442">
        <v>340</v>
      </c>
      <c r="O48" s="429"/>
    </row>
    <row r="49" spans="1:15" s="78" customFormat="1" ht="15" customHeight="1">
      <c r="A49" s="416"/>
      <c r="B49" s="422" t="s">
        <v>592</v>
      </c>
      <c r="C49" s="439">
        <v>476</v>
      </c>
      <c r="D49" s="440">
        <v>264</v>
      </c>
      <c r="E49" s="441">
        <v>212</v>
      </c>
      <c r="F49" s="442">
        <v>0</v>
      </c>
      <c r="G49" s="440">
        <v>0</v>
      </c>
      <c r="H49" s="442">
        <v>0</v>
      </c>
      <c r="I49" s="439">
        <v>41</v>
      </c>
      <c r="J49" s="440">
        <v>30</v>
      </c>
      <c r="K49" s="441">
        <v>11</v>
      </c>
      <c r="L49" s="442">
        <v>435</v>
      </c>
      <c r="M49" s="440">
        <v>234</v>
      </c>
      <c r="N49" s="442">
        <v>201</v>
      </c>
      <c r="O49" s="429"/>
    </row>
    <row r="50" spans="1:15" s="78" customFormat="1" ht="15" customHeight="1">
      <c r="A50" s="416"/>
      <c r="B50" s="422" t="s">
        <v>304</v>
      </c>
      <c r="C50" s="439">
        <v>38</v>
      </c>
      <c r="D50" s="440">
        <v>25</v>
      </c>
      <c r="E50" s="441">
        <v>13</v>
      </c>
      <c r="F50" s="442">
        <v>0</v>
      </c>
      <c r="G50" s="440">
        <v>0</v>
      </c>
      <c r="H50" s="442">
        <v>0</v>
      </c>
      <c r="I50" s="439">
        <v>4</v>
      </c>
      <c r="J50" s="440">
        <v>3</v>
      </c>
      <c r="K50" s="441">
        <v>1</v>
      </c>
      <c r="L50" s="442">
        <v>34</v>
      </c>
      <c r="M50" s="440">
        <v>22</v>
      </c>
      <c r="N50" s="442">
        <v>12</v>
      </c>
      <c r="O50" s="429"/>
    </row>
    <row r="51" spans="1:15" s="415" customFormat="1" ht="17.25" customHeight="1">
      <c r="A51" s="1045" t="s">
        <v>593</v>
      </c>
      <c r="B51" s="1046"/>
      <c r="C51" s="434">
        <v>14316</v>
      </c>
      <c r="D51" s="435">
        <v>7491</v>
      </c>
      <c r="E51" s="436">
        <v>6825</v>
      </c>
      <c r="F51" s="437">
        <v>30</v>
      </c>
      <c r="G51" s="435">
        <v>15</v>
      </c>
      <c r="H51" s="435">
        <v>15</v>
      </c>
      <c r="I51" s="434">
        <v>1253</v>
      </c>
      <c r="J51" s="435">
        <v>806</v>
      </c>
      <c r="K51" s="435">
        <v>447</v>
      </c>
      <c r="L51" s="437">
        <v>13032</v>
      </c>
      <c r="M51" s="435">
        <v>6669</v>
      </c>
      <c r="N51" s="434">
        <v>6363</v>
      </c>
      <c r="O51" s="414"/>
    </row>
    <row r="52" spans="1:15" s="78" customFormat="1" ht="15" customHeight="1">
      <c r="A52" s="416"/>
      <c r="B52" s="422" t="s">
        <v>594</v>
      </c>
      <c r="C52" s="439">
        <v>3032</v>
      </c>
      <c r="D52" s="440">
        <v>1599</v>
      </c>
      <c r="E52" s="441">
        <v>1433</v>
      </c>
      <c r="F52" s="442">
        <v>6</v>
      </c>
      <c r="G52" s="440">
        <v>5</v>
      </c>
      <c r="H52" s="442">
        <v>1</v>
      </c>
      <c r="I52" s="439">
        <v>292</v>
      </c>
      <c r="J52" s="440">
        <v>189</v>
      </c>
      <c r="K52" s="441">
        <v>103</v>
      </c>
      <c r="L52" s="442">
        <v>2734</v>
      </c>
      <c r="M52" s="440">
        <v>1405</v>
      </c>
      <c r="N52" s="442">
        <v>1329</v>
      </c>
      <c r="O52" s="429"/>
    </row>
    <row r="53" spans="1:15" s="78" customFormat="1" ht="15" customHeight="1">
      <c r="A53" s="416"/>
      <c r="B53" s="422" t="s">
        <v>294</v>
      </c>
      <c r="C53" s="439">
        <v>4393</v>
      </c>
      <c r="D53" s="440">
        <v>2248</v>
      </c>
      <c r="E53" s="441">
        <v>2145</v>
      </c>
      <c r="F53" s="442">
        <v>11</v>
      </c>
      <c r="G53" s="440">
        <v>4</v>
      </c>
      <c r="H53" s="442">
        <v>7</v>
      </c>
      <c r="I53" s="439">
        <v>379</v>
      </c>
      <c r="J53" s="440">
        <v>225</v>
      </c>
      <c r="K53" s="441">
        <v>154</v>
      </c>
      <c r="L53" s="442">
        <v>4003</v>
      </c>
      <c r="M53" s="440">
        <v>2019</v>
      </c>
      <c r="N53" s="442">
        <v>1984</v>
      </c>
      <c r="O53" s="429"/>
    </row>
    <row r="54" spans="1:15" s="78" customFormat="1" ht="15" customHeight="1">
      <c r="A54" s="416"/>
      <c r="B54" s="422" t="s">
        <v>595</v>
      </c>
      <c r="C54" s="439">
        <v>2505</v>
      </c>
      <c r="D54" s="440">
        <v>1294</v>
      </c>
      <c r="E54" s="441">
        <v>1211</v>
      </c>
      <c r="F54" s="442">
        <v>8</v>
      </c>
      <c r="G54" s="440">
        <v>4</v>
      </c>
      <c r="H54" s="442">
        <v>4</v>
      </c>
      <c r="I54" s="439">
        <v>232</v>
      </c>
      <c r="J54" s="440">
        <v>156</v>
      </c>
      <c r="K54" s="441">
        <v>76</v>
      </c>
      <c r="L54" s="442">
        <v>2265</v>
      </c>
      <c r="M54" s="440">
        <v>1134</v>
      </c>
      <c r="N54" s="442">
        <v>1131</v>
      </c>
      <c r="O54" s="429"/>
    </row>
    <row r="55" spans="1:15" s="78" customFormat="1" ht="15" customHeight="1">
      <c r="A55" s="416"/>
      <c r="B55" s="422" t="s">
        <v>596</v>
      </c>
      <c r="C55" s="439">
        <v>1858</v>
      </c>
      <c r="D55" s="440">
        <v>989</v>
      </c>
      <c r="E55" s="441">
        <v>869</v>
      </c>
      <c r="F55" s="442">
        <v>3</v>
      </c>
      <c r="G55" s="440">
        <v>0</v>
      </c>
      <c r="H55" s="442">
        <v>3</v>
      </c>
      <c r="I55" s="439">
        <v>153</v>
      </c>
      <c r="J55" s="440">
        <v>104</v>
      </c>
      <c r="K55" s="441">
        <v>49</v>
      </c>
      <c r="L55" s="442">
        <v>1702</v>
      </c>
      <c r="M55" s="440">
        <v>885</v>
      </c>
      <c r="N55" s="442">
        <v>817</v>
      </c>
      <c r="O55" s="429"/>
    </row>
    <row r="56" spans="1:15" s="78" customFormat="1" ht="15" customHeight="1">
      <c r="A56" s="416"/>
      <c r="B56" s="422" t="s">
        <v>597</v>
      </c>
      <c r="C56" s="439">
        <v>1127</v>
      </c>
      <c r="D56" s="440">
        <v>630</v>
      </c>
      <c r="E56" s="441">
        <v>497</v>
      </c>
      <c r="F56" s="442">
        <v>2</v>
      </c>
      <c r="G56" s="440">
        <v>2</v>
      </c>
      <c r="H56" s="442">
        <v>0</v>
      </c>
      <c r="I56" s="439">
        <v>101</v>
      </c>
      <c r="J56" s="440">
        <v>68</v>
      </c>
      <c r="K56" s="441">
        <v>33</v>
      </c>
      <c r="L56" s="442">
        <v>1024</v>
      </c>
      <c r="M56" s="440">
        <v>560</v>
      </c>
      <c r="N56" s="442">
        <v>464</v>
      </c>
      <c r="O56" s="429"/>
    </row>
    <row r="57" spans="1:15" s="78" customFormat="1" ht="15" customHeight="1">
      <c r="A57" s="416"/>
      <c r="B57" s="422" t="s">
        <v>598</v>
      </c>
      <c r="C57" s="439">
        <v>513</v>
      </c>
      <c r="D57" s="440">
        <v>270</v>
      </c>
      <c r="E57" s="441">
        <v>243</v>
      </c>
      <c r="F57" s="442">
        <v>0</v>
      </c>
      <c r="G57" s="440">
        <v>0</v>
      </c>
      <c r="H57" s="442">
        <v>0</v>
      </c>
      <c r="I57" s="439">
        <v>34</v>
      </c>
      <c r="J57" s="440">
        <v>22</v>
      </c>
      <c r="K57" s="441">
        <v>12</v>
      </c>
      <c r="L57" s="442">
        <v>479</v>
      </c>
      <c r="M57" s="440">
        <v>248</v>
      </c>
      <c r="N57" s="442">
        <v>231</v>
      </c>
      <c r="O57" s="429"/>
    </row>
    <row r="58" spans="1:15" s="78" customFormat="1" ht="15" customHeight="1">
      <c r="A58" s="416"/>
      <c r="B58" s="422" t="s">
        <v>599</v>
      </c>
      <c r="C58" s="439">
        <v>481</v>
      </c>
      <c r="D58" s="440">
        <v>254</v>
      </c>
      <c r="E58" s="441">
        <v>227</v>
      </c>
      <c r="F58" s="442">
        <v>0</v>
      </c>
      <c r="G58" s="440">
        <v>0</v>
      </c>
      <c r="H58" s="442">
        <v>0</v>
      </c>
      <c r="I58" s="439">
        <v>31</v>
      </c>
      <c r="J58" s="440">
        <v>23</v>
      </c>
      <c r="K58" s="441">
        <v>8</v>
      </c>
      <c r="L58" s="442">
        <v>449</v>
      </c>
      <c r="M58" s="440">
        <v>230</v>
      </c>
      <c r="N58" s="442">
        <v>219</v>
      </c>
      <c r="O58" s="429"/>
    </row>
    <row r="59" spans="1:15" s="78" customFormat="1" ht="15" customHeight="1">
      <c r="A59" s="416"/>
      <c r="B59" s="422" t="s">
        <v>600</v>
      </c>
      <c r="C59" s="439">
        <v>407</v>
      </c>
      <c r="D59" s="440">
        <v>207</v>
      </c>
      <c r="E59" s="441">
        <v>200</v>
      </c>
      <c r="F59" s="442">
        <v>0</v>
      </c>
      <c r="G59" s="440">
        <v>0</v>
      </c>
      <c r="H59" s="442">
        <v>0</v>
      </c>
      <c r="I59" s="439">
        <v>31</v>
      </c>
      <c r="J59" s="440">
        <v>19</v>
      </c>
      <c r="K59" s="441">
        <v>12</v>
      </c>
      <c r="L59" s="442">
        <v>376</v>
      </c>
      <c r="M59" s="440">
        <v>188</v>
      </c>
      <c r="N59" s="442">
        <v>188</v>
      </c>
      <c r="O59" s="429"/>
    </row>
    <row r="60" spans="1:15" s="415" customFormat="1" ht="17.25" customHeight="1">
      <c r="A60" s="1045" t="s">
        <v>614</v>
      </c>
      <c r="B60" s="1046"/>
      <c r="C60" s="434">
        <v>4850</v>
      </c>
      <c r="D60" s="435">
        <v>2465</v>
      </c>
      <c r="E60" s="436">
        <v>2385</v>
      </c>
      <c r="F60" s="437">
        <v>6</v>
      </c>
      <c r="G60" s="435">
        <v>2</v>
      </c>
      <c r="H60" s="435">
        <v>4</v>
      </c>
      <c r="I60" s="434">
        <v>355</v>
      </c>
      <c r="J60" s="435">
        <v>208</v>
      </c>
      <c r="K60" s="435">
        <v>147</v>
      </c>
      <c r="L60" s="437">
        <v>4487</v>
      </c>
      <c r="M60" s="435">
        <v>2254</v>
      </c>
      <c r="N60" s="434">
        <v>2233</v>
      </c>
      <c r="O60" s="414"/>
    </row>
    <row r="61" spans="1:15" s="78" customFormat="1" ht="15" customHeight="1">
      <c r="A61" s="416"/>
      <c r="B61" s="422" t="s">
        <v>602</v>
      </c>
      <c r="C61" s="439">
        <v>2653</v>
      </c>
      <c r="D61" s="440">
        <v>1331</v>
      </c>
      <c r="E61" s="441">
        <v>1322</v>
      </c>
      <c r="F61" s="442">
        <v>6</v>
      </c>
      <c r="G61" s="440">
        <v>2</v>
      </c>
      <c r="H61" s="442">
        <v>4</v>
      </c>
      <c r="I61" s="439">
        <v>211</v>
      </c>
      <c r="J61" s="440">
        <v>122</v>
      </c>
      <c r="K61" s="441">
        <v>89</v>
      </c>
      <c r="L61" s="442">
        <v>2436</v>
      </c>
      <c r="M61" s="440">
        <v>1207</v>
      </c>
      <c r="N61" s="442">
        <v>1229</v>
      </c>
      <c r="O61" s="429"/>
    </row>
    <row r="62" spans="1:15" s="78" customFormat="1" ht="15" customHeight="1">
      <c r="A62" s="416"/>
      <c r="B62" s="422" t="s">
        <v>603</v>
      </c>
      <c r="C62" s="439">
        <v>546</v>
      </c>
      <c r="D62" s="440">
        <v>293</v>
      </c>
      <c r="E62" s="441">
        <v>253</v>
      </c>
      <c r="F62" s="442">
        <v>0</v>
      </c>
      <c r="G62" s="440">
        <v>0</v>
      </c>
      <c r="H62" s="442">
        <v>0</v>
      </c>
      <c r="I62" s="439">
        <v>38</v>
      </c>
      <c r="J62" s="440">
        <v>21</v>
      </c>
      <c r="K62" s="441">
        <v>17</v>
      </c>
      <c r="L62" s="442">
        <v>508</v>
      </c>
      <c r="M62" s="440">
        <v>272</v>
      </c>
      <c r="N62" s="442">
        <v>236</v>
      </c>
      <c r="O62" s="429"/>
    </row>
    <row r="63" spans="1:15" s="78" customFormat="1" ht="15" customHeight="1">
      <c r="A63" s="416"/>
      <c r="B63" s="422" t="s">
        <v>604</v>
      </c>
      <c r="C63" s="439">
        <v>125</v>
      </c>
      <c r="D63" s="440">
        <v>70</v>
      </c>
      <c r="E63" s="441">
        <v>55</v>
      </c>
      <c r="F63" s="442">
        <v>0</v>
      </c>
      <c r="G63" s="440">
        <v>0</v>
      </c>
      <c r="H63" s="442">
        <v>0</v>
      </c>
      <c r="I63" s="439">
        <v>16</v>
      </c>
      <c r="J63" s="440">
        <v>11</v>
      </c>
      <c r="K63" s="441">
        <v>5</v>
      </c>
      <c r="L63" s="442">
        <v>109</v>
      </c>
      <c r="M63" s="440">
        <v>59</v>
      </c>
      <c r="N63" s="442">
        <v>50</v>
      </c>
      <c r="O63" s="429"/>
    </row>
    <row r="64" spans="1:15" s="78" customFormat="1" ht="15" customHeight="1">
      <c r="A64" s="416"/>
      <c r="B64" s="422" t="s">
        <v>605</v>
      </c>
      <c r="C64" s="439">
        <v>178</v>
      </c>
      <c r="D64" s="440">
        <v>104</v>
      </c>
      <c r="E64" s="441">
        <v>74</v>
      </c>
      <c r="F64" s="442">
        <v>0</v>
      </c>
      <c r="G64" s="440">
        <v>0</v>
      </c>
      <c r="H64" s="442">
        <v>0</v>
      </c>
      <c r="I64" s="439">
        <v>12</v>
      </c>
      <c r="J64" s="440">
        <v>12</v>
      </c>
      <c r="K64" s="441">
        <v>0</v>
      </c>
      <c r="L64" s="442">
        <v>165</v>
      </c>
      <c r="M64" s="440">
        <v>91</v>
      </c>
      <c r="N64" s="442">
        <v>74</v>
      </c>
      <c r="O64" s="429"/>
    </row>
    <row r="65" spans="1:17" s="78" customFormat="1" ht="15" customHeight="1">
      <c r="A65" s="416"/>
      <c r="B65" s="422" t="s">
        <v>606</v>
      </c>
      <c r="C65" s="439">
        <v>173</v>
      </c>
      <c r="D65" s="440">
        <v>85</v>
      </c>
      <c r="E65" s="441">
        <v>88</v>
      </c>
      <c r="F65" s="442">
        <v>0</v>
      </c>
      <c r="G65" s="440">
        <v>0</v>
      </c>
      <c r="H65" s="442">
        <v>0</v>
      </c>
      <c r="I65" s="439">
        <v>11</v>
      </c>
      <c r="J65" s="440">
        <v>5</v>
      </c>
      <c r="K65" s="441">
        <v>6</v>
      </c>
      <c r="L65" s="442">
        <v>162</v>
      </c>
      <c r="M65" s="440">
        <v>80</v>
      </c>
      <c r="N65" s="442">
        <v>82</v>
      </c>
      <c r="O65" s="429"/>
    </row>
    <row r="66" spans="1:17" s="78" customFormat="1" ht="15" customHeight="1">
      <c r="A66" s="416"/>
      <c r="B66" s="422" t="s">
        <v>295</v>
      </c>
      <c r="C66" s="439">
        <v>177</v>
      </c>
      <c r="D66" s="440">
        <v>88</v>
      </c>
      <c r="E66" s="441">
        <v>89</v>
      </c>
      <c r="F66" s="442">
        <v>0</v>
      </c>
      <c r="G66" s="440">
        <v>0</v>
      </c>
      <c r="H66" s="442">
        <v>0</v>
      </c>
      <c r="I66" s="439">
        <v>6</v>
      </c>
      <c r="J66" s="440">
        <v>5</v>
      </c>
      <c r="K66" s="441">
        <v>1</v>
      </c>
      <c r="L66" s="442">
        <v>171</v>
      </c>
      <c r="M66" s="440">
        <v>83</v>
      </c>
      <c r="N66" s="442">
        <v>88</v>
      </c>
      <c r="O66" s="429"/>
    </row>
    <row r="67" spans="1:17" s="78" customFormat="1" ht="15" customHeight="1">
      <c r="A67" s="416"/>
      <c r="B67" s="422" t="s">
        <v>607</v>
      </c>
      <c r="C67" s="439">
        <v>175</v>
      </c>
      <c r="D67" s="440">
        <v>78</v>
      </c>
      <c r="E67" s="441">
        <v>97</v>
      </c>
      <c r="F67" s="442">
        <v>0</v>
      </c>
      <c r="G67" s="440">
        <v>0</v>
      </c>
      <c r="H67" s="442">
        <v>0</v>
      </c>
      <c r="I67" s="439">
        <v>18</v>
      </c>
      <c r="J67" s="440">
        <v>7</v>
      </c>
      <c r="K67" s="441">
        <v>11</v>
      </c>
      <c r="L67" s="442">
        <v>157</v>
      </c>
      <c r="M67" s="440">
        <v>71</v>
      </c>
      <c r="N67" s="442">
        <v>86</v>
      </c>
      <c r="O67" s="429"/>
    </row>
    <row r="68" spans="1:17" s="78" customFormat="1" ht="15" customHeight="1">
      <c r="A68" s="416"/>
      <c r="B68" s="422" t="s">
        <v>287</v>
      </c>
      <c r="C68" s="439">
        <v>213</v>
      </c>
      <c r="D68" s="440">
        <v>112</v>
      </c>
      <c r="E68" s="441">
        <v>101</v>
      </c>
      <c r="F68" s="442">
        <v>0</v>
      </c>
      <c r="G68" s="440">
        <v>0</v>
      </c>
      <c r="H68" s="442">
        <v>0</v>
      </c>
      <c r="I68" s="439">
        <v>14</v>
      </c>
      <c r="J68" s="440">
        <v>11</v>
      </c>
      <c r="K68" s="441">
        <v>3</v>
      </c>
      <c r="L68" s="442">
        <v>199</v>
      </c>
      <c r="M68" s="440">
        <v>101</v>
      </c>
      <c r="N68" s="442">
        <v>98</v>
      </c>
      <c r="O68" s="429"/>
      <c r="Q68" s="116"/>
    </row>
    <row r="69" spans="1:17" s="78" customFormat="1" ht="15" customHeight="1">
      <c r="A69" s="416"/>
      <c r="B69" s="422" t="s">
        <v>289</v>
      </c>
      <c r="C69" s="439">
        <v>127</v>
      </c>
      <c r="D69" s="440">
        <v>59</v>
      </c>
      <c r="E69" s="441">
        <v>68</v>
      </c>
      <c r="F69" s="442">
        <v>0</v>
      </c>
      <c r="G69" s="440">
        <v>0</v>
      </c>
      <c r="H69" s="442">
        <v>0</v>
      </c>
      <c r="I69" s="439">
        <v>4</v>
      </c>
      <c r="J69" s="440">
        <v>3</v>
      </c>
      <c r="K69" s="441">
        <v>1</v>
      </c>
      <c r="L69" s="442">
        <v>122</v>
      </c>
      <c r="M69" s="440">
        <v>56</v>
      </c>
      <c r="N69" s="442">
        <v>66</v>
      </c>
      <c r="O69" s="429"/>
    </row>
    <row r="70" spans="1:17" s="78" customFormat="1" ht="15" customHeight="1">
      <c r="A70" s="416"/>
      <c r="B70" s="422" t="s">
        <v>291</v>
      </c>
      <c r="C70" s="439">
        <v>483</v>
      </c>
      <c r="D70" s="440">
        <v>245</v>
      </c>
      <c r="E70" s="441">
        <v>238</v>
      </c>
      <c r="F70" s="442">
        <v>0</v>
      </c>
      <c r="G70" s="440">
        <v>0</v>
      </c>
      <c r="H70" s="442">
        <v>0</v>
      </c>
      <c r="I70" s="439">
        <v>25</v>
      </c>
      <c r="J70" s="440">
        <v>11</v>
      </c>
      <c r="K70" s="441">
        <v>14</v>
      </c>
      <c r="L70" s="442">
        <v>458</v>
      </c>
      <c r="M70" s="440">
        <v>234</v>
      </c>
      <c r="N70" s="442">
        <v>224</v>
      </c>
      <c r="O70" s="429"/>
    </row>
    <row r="71" spans="1:17" s="78" customFormat="1" ht="11.25" customHeight="1" thickBot="1">
      <c r="A71" s="430"/>
      <c r="B71" s="431"/>
      <c r="C71" s="389"/>
      <c r="D71" s="112"/>
      <c r="E71" s="390"/>
      <c r="F71" s="387"/>
      <c r="G71" s="112"/>
      <c r="H71" s="387"/>
      <c r="I71" s="389"/>
      <c r="J71" s="112"/>
      <c r="K71" s="390"/>
      <c r="L71" s="387"/>
      <c r="M71" s="112"/>
      <c r="N71" s="387"/>
    </row>
    <row r="72" spans="1:17" ht="14.25" thickTop="1">
      <c r="F72" s="447"/>
    </row>
  </sheetData>
  <mergeCells count="12">
    <mergeCell ref="A3:B4"/>
    <mergeCell ref="C3:E3"/>
    <mergeCell ref="F3:H3"/>
    <mergeCell ref="I3:K3"/>
    <mergeCell ref="L3:N3"/>
    <mergeCell ref="A60:B60"/>
    <mergeCell ref="A6:B6"/>
    <mergeCell ref="A25:B25"/>
    <mergeCell ref="A33:B33"/>
    <mergeCell ref="A39:B39"/>
    <mergeCell ref="A40:B40"/>
    <mergeCell ref="A51:B51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2" orientation="portrait" blackAndWhite="1" r:id="rId1"/>
  <headerFooter scaleWithDoc="0"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73"/>
  <sheetViews>
    <sheetView zoomScale="80" zoomScaleNormal="80" workbookViewId="0"/>
  </sheetViews>
  <sheetFormatPr defaultRowHeight="13.5"/>
  <cols>
    <col min="1" max="1" width="2.25" style="151" customWidth="1"/>
    <col min="2" max="2" width="13.25" style="151" customWidth="1"/>
    <col min="3" max="14" width="8.75" style="151" customWidth="1"/>
    <col min="15" max="16384" width="9" style="151"/>
  </cols>
  <sheetData>
    <row r="1" spans="1:15" ht="17.25">
      <c r="A1" s="658" t="s">
        <v>615</v>
      </c>
    </row>
    <row r="2" spans="1:15" s="79" customFormat="1" ht="24.75" customHeight="1" thickBot="1">
      <c r="A2" s="402" t="s">
        <v>616</v>
      </c>
      <c r="B2" s="116"/>
      <c r="C2" s="116"/>
      <c r="D2" s="116"/>
      <c r="E2" s="116"/>
      <c r="F2" s="116"/>
      <c r="G2" s="116"/>
      <c r="H2" s="116"/>
      <c r="I2" s="116"/>
      <c r="J2" s="116"/>
      <c r="K2" s="116"/>
      <c r="M2" s="116" t="s">
        <v>543</v>
      </c>
      <c r="N2" s="78"/>
    </row>
    <row r="3" spans="1:15" s="78" customFormat="1" ht="15" customHeight="1" thickTop="1">
      <c r="A3" s="1051" t="s">
        <v>544</v>
      </c>
      <c r="B3" s="1052"/>
      <c r="C3" s="1055" t="s">
        <v>611</v>
      </c>
      <c r="D3" s="1056"/>
      <c r="E3" s="1057"/>
      <c r="F3" s="1058" t="s">
        <v>612</v>
      </c>
      <c r="G3" s="1059"/>
      <c r="H3" s="1060"/>
      <c r="I3" s="1058" t="s">
        <v>322</v>
      </c>
      <c r="J3" s="1059"/>
      <c r="K3" s="1060"/>
      <c r="L3" s="1058" t="s">
        <v>323</v>
      </c>
      <c r="M3" s="1059"/>
      <c r="N3" s="1059"/>
    </row>
    <row r="4" spans="1:15" s="78" customFormat="1" ht="15" customHeight="1">
      <c r="A4" s="1053"/>
      <c r="B4" s="1054"/>
      <c r="C4" s="403" t="s">
        <v>194</v>
      </c>
      <c r="D4" s="403" t="s">
        <v>498</v>
      </c>
      <c r="E4" s="404" t="s">
        <v>499</v>
      </c>
      <c r="F4" s="405" t="s">
        <v>194</v>
      </c>
      <c r="G4" s="403" t="s">
        <v>498</v>
      </c>
      <c r="H4" s="403" t="s">
        <v>499</v>
      </c>
      <c r="I4" s="406" t="s">
        <v>194</v>
      </c>
      <c r="J4" s="406" t="s">
        <v>498</v>
      </c>
      <c r="K4" s="407" t="s">
        <v>499</v>
      </c>
      <c r="L4" s="405" t="s">
        <v>194</v>
      </c>
      <c r="M4" s="403" t="s">
        <v>498</v>
      </c>
      <c r="N4" s="403" t="s">
        <v>499</v>
      </c>
    </row>
    <row r="5" spans="1:15" s="415" customFormat="1" ht="17.25" customHeight="1">
      <c r="A5" s="408"/>
      <c r="B5" s="409" t="s">
        <v>548</v>
      </c>
      <c r="C5" s="410">
        <v>505665</v>
      </c>
      <c r="D5" s="411">
        <v>269359</v>
      </c>
      <c r="E5" s="412">
        <v>236306</v>
      </c>
      <c r="F5" s="413">
        <v>44804</v>
      </c>
      <c r="G5" s="411">
        <v>23008</v>
      </c>
      <c r="H5" s="411">
        <v>21796</v>
      </c>
      <c r="I5" s="411">
        <v>428848</v>
      </c>
      <c r="J5" s="411">
        <v>232551</v>
      </c>
      <c r="K5" s="411">
        <v>196297</v>
      </c>
      <c r="L5" s="413">
        <v>32013</v>
      </c>
      <c r="M5" s="411">
        <v>13800</v>
      </c>
      <c r="N5" s="413">
        <v>18213</v>
      </c>
      <c r="O5" s="414"/>
    </row>
    <row r="6" spans="1:15" s="415" customFormat="1" ht="17.25" customHeight="1">
      <c r="A6" s="1047" t="s">
        <v>549</v>
      </c>
      <c r="B6" s="1048"/>
      <c r="C6" s="410">
        <v>220196</v>
      </c>
      <c r="D6" s="411">
        <v>116218</v>
      </c>
      <c r="E6" s="412">
        <v>103978</v>
      </c>
      <c r="F6" s="413">
        <v>20356</v>
      </c>
      <c r="G6" s="411">
        <v>10533</v>
      </c>
      <c r="H6" s="411">
        <v>9823</v>
      </c>
      <c r="I6" s="411">
        <v>185802</v>
      </c>
      <c r="J6" s="411">
        <v>99734</v>
      </c>
      <c r="K6" s="412">
        <v>86068</v>
      </c>
      <c r="L6" s="413">
        <v>14038</v>
      </c>
      <c r="M6" s="411">
        <v>5951</v>
      </c>
      <c r="N6" s="413">
        <v>8087</v>
      </c>
      <c r="O6" s="414"/>
    </row>
    <row r="7" spans="1:15" s="78" customFormat="1" ht="15" customHeight="1">
      <c r="A7" s="416"/>
      <c r="B7" s="417" t="s">
        <v>550</v>
      </c>
      <c r="C7" s="418">
        <v>17994</v>
      </c>
      <c r="D7" s="419">
        <v>10168</v>
      </c>
      <c r="E7" s="420">
        <v>7826</v>
      </c>
      <c r="F7" s="391">
        <v>1181</v>
      </c>
      <c r="G7" s="419">
        <v>601</v>
      </c>
      <c r="H7" s="419">
        <v>580</v>
      </c>
      <c r="I7" s="419">
        <v>16066</v>
      </c>
      <c r="J7" s="419">
        <v>9241</v>
      </c>
      <c r="K7" s="419">
        <v>6825</v>
      </c>
      <c r="L7" s="391">
        <v>747</v>
      </c>
      <c r="M7" s="419">
        <v>326</v>
      </c>
      <c r="N7" s="418">
        <v>421</v>
      </c>
      <c r="O7" s="421"/>
    </row>
    <row r="8" spans="1:15" s="78" customFormat="1" ht="15" customHeight="1">
      <c r="A8" s="416"/>
      <c r="B8" s="417" t="s">
        <v>551</v>
      </c>
      <c r="C8" s="418">
        <v>18978</v>
      </c>
      <c r="D8" s="419">
        <v>10192</v>
      </c>
      <c r="E8" s="420">
        <v>8786</v>
      </c>
      <c r="F8" s="391">
        <v>1287</v>
      </c>
      <c r="G8" s="419">
        <v>656</v>
      </c>
      <c r="H8" s="419">
        <v>631</v>
      </c>
      <c r="I8" s="419">
        <v>16895</v>
      </c>
      <c r="J8" s="419">
        <v>9177</v>
      </c>
      <c r="K8" s="419">
        <v>7718</v>
      </c>
      <c r="L8" s="391">
        <v>796</v>
      </c>
      <c r="M8" s="419">
        <v>359</v>
      </c>
      <c r="N8" s="418">
        <v>437</v>
      </c>
      <c r="O8" s="421"/>
    </row>
    <row r="9" spans="1:15" s="78" customFormat="1" ht="15" customHeight="1">
      <c r="A9" s="416"/>
      <c r="B9" s="417" t="s">
        <v>552</v>
      </c>
      <c r="C9" s="418">
        <v>10364</v>
      </c>
      <c r="D9" s="419">
        <v>5508</v>
      </c>
      <c r="E9" s="420">
        <v>4856</v>
      </c>
      <c r="F9" s="391">
        <v>684</v>
      </c>
      <c r="G9" s="419">
        <v>348</v>
      </c>
      <c r="H9" s="419">
        <v>336</v>
      </c>
      <c r="I9" s="419">
        <v>9318</v>
      </c>
      <c r="J9" s="419">
        <v>5001</v>
      </c>
      <c r="K9" s="419">
        <v>4317</v>
      </c>
      <c r="L9" s="391">
        <v>362</v>
      </c>
      <c r="M9" s="419">
        <v>159</v>
      </c>
      <c r="N9" s="418">
        <v>203</v>
      </c>
      <c r="O9" s="421"/>
    </row>
    <row r="10" spans="1:15" s="78" customFormat="1" ht="15" customHeight="1">
      <c r="A10" s="416"/>
      <c r="B10" s="422" t="s">
        <v>553</v>
      </c>
      <c r="C10" s="418">
        <v>13995</v>
      </c>
      <c r="D10" s="419">
        <v>7754</v>
      </c>
      <c r="E10" s="420">
        <v>6241</v>
      </c>
      <c r="F10" s="391">
        <v>1112</v>
      </c>
      <c r="G10" s="419">
        <v>555</v>
      </c>
      <c r="H10" s="419">
        <v>557</v>
      </c>
      <c r="I10" s="419">
        <v>11891</v>
      </c>
      <c r="J10" s="419">
        <v>6627</v>
      </c>
      <c r="K10" s="419">
        <v>5264</v>
      </c>
      <c r="L10" s="391">
        <v>992</v>
      </c>
      <c r="M10" s="419">
        <v>572</v>
      </c>
      <c r="N10" s="418">
        <v>420</v>
      </c>
      <c r="O10" s="421"/>
    </row>
    <row r="11" spans="1:15" s="78" customFormat="1" ht="15" customHeight="1">
      <c r="A11" s="416"/>
      <c r="B11" s="422" t="s">
        <v>554</v>
      </c>
      <c r="C11" s="418">
        <v>13941</v>
      </c>
      <c r="D11" s="419">
        <v>7327</v>
      </c>
      <c r="E11" s="420">
        <v>6614</v>
      </c>
      <c r="F11" s="391">
        <v>922</v>
      </c>
      <c r="G11" s="419">
        <v>484</v>
      </c>
      <c r="H11" s="419">
        <v>438</v>
      </c>
      <c r="I11" s="419">
        <v>12234</v>
      </c>
      <c r="J11" s="419">
        <v>6474</v>
      </c>
      <c r="K11" s="419">
        <v>5760</v>
      </c>
      <c r="L11" s="391">
        <v>785</v>
      </c>
      <c r="M11" s="419">
        <v>369</v>
      </c>
      <c r="N11" s="418">
        <v>416</v>
      </c>
      <c r="O11" s="421"/>
    </row>
    <row r="12" spans="1:15" s="78" customFormat="1" ht="15" customHeight="1">
      <c r="A12" s="416"/>
      <c r="B12" s="422" t="s">
        <v>555</v>
      </c>
      <c r="C12" s="418">
        <v>11868</v>
      </c>
      <c r="D12" s="419">
        <v>6298</v>
      </c>
      <c r="E12" s="420">
        <v>5570</v>
      </c>
      <c r="F12" s="391">
        <v>988</v>
      </c>
      <c r="G12" s="419">
        <v>533</v>
      </c>
      <c r="H12" s="419">
        <v>455</v>
      </c>
      <c r="I12" s="419">
        <v>10060</v>
      </c>
      <c r="J12" s="419">
        <v>5441</v>
      </c>
      <c r="K12" s="419">
        <v>4619</v>
      </c>
      <c r="L12" s="391">
        <v>820</v>
      </c>
      <c r="M12" s="419">
        <v>324</v>
      </c>
      <c r="N12" s="418">
        <v>496</v>
      </c>
      <c r="O12" s="421"/>
    </row>
    <row r="13" spans="1:15" s="78" customFormat="1" ht="15" customHeight="1">
      <c r="A13" s="416"/>
      <c r="B13" s="422" t="s">
        <v>556</v>
      </c>
      <c r="C13" s="418">
        <v>8918</v>
      </c>
      <c r="D13" s="419">
        <v>4857</v>
      </c>
      <c r="E13" s="420">
        <v>4061</v>
      </c>
      <c r="F13" s="391">
        <v>847</v>
      </c>
      <c r="G13" s="419">
        <v>438</v>
      </c>
      <c r="H13" s="419">
        <v>409</v>
      </c>
      <c r="I13" s="419">
        <v>7390</v>
      </c>
      <c r="J13" s="419">
        <v>4130</v>
      </c>
      <c r="K13" s="419">
        <v>3260</v>
      </c>
      <c r="L13" s="391">
        <v>681</v>
      </c>
      <c r="M13" s="419">
        <v>289</v>
      </c>
      <c r="N13" s="418">
        <v>392</v>
      </c>
      <c r="O13" s="421"/>
    </row>
    <row r="14" spans="1:15" s="78" customFormat="1" ht="15" customHeight="1">
      <c r="A14" s="416"/>
      <c r="B14" s="422" t="s">
        <v>557</v>
      </c>
      <c r="C14" s="418">
        <v>8636</v>
      </c>
      <c r="D14" s="419">
        <v>4504</v>
      </c>
      <c r="E14" s="420">
        <v>4132</v>
      </c>
      <c r="F14" s="391">
        <v>810</v>
      </c>
      <c r="G14" s="419">
        <v>419</v>
      </c>
      <c r="H14" s="419">
        <v>391</v>
      </c>
      <c r="I14" s="419">
        <v>7156</v>
      </c>
      <c r="J14" s="419">
        <v>3821</v>
      </c>
      <c r="K14" s="419">
        <v>3335</v>
      </c>
      <c r="L14" s="391">
        <v>670</v>
      </c>
      <c r="M14" s="419">
        <v>264</v>
      </c>
      <c r="N14" s="418">
        <v>406</v>
      </c>
      <c r="O14" s="421"/>
    </row>
    <row r="15" spans="1:15" s="78" customFormat="1" ht="15" customHeight="1">
      <c r="A15" s="416"/>
      <c r="B15" s="422" t="s">
        <v>558</v>
      </c>
      <c r="C15" s="418">
        <v>25989</v>
      </c>
      <c r="D15" s="419">
        <v>13499</v>
      </c>
      <c r="E15" s="420">
        <v>12490</v>
      </c>
      <c r="F15" s="391">
        <v>2074</v>
      </c>
      <c r="G15" s="419">
        <v>1098</v>
      </c>
      <c r="H15" s="419">
        <v>976</v>
      </c>
      <c r="I15" s="419">
        <v>22930</v>
      </c>
      <c r="J15" s="419">
        <v>12020</v>
      </c>
      <c r="K15" s="419">
        <v>10910</v>
      </c>
      <c r="L15" s="391">
        <v>985</v>
      </c>
      <c r="M15" s="419">
        <v>381</v>
      </c>
      <c r="N15" s="418">
        <v>604</v>
      </c>
      <c r="O15" s="421"/>
    </row>
    <row r="16" spans="1:15" s="78" customFormat="1" ht="15" customHeight="1">
      <c r="A16" s="416"/>
      <c r="B16" s="422" t="s">
        <v>559</v>
      </c>
      <c r="C16" s="418">
        <v>12856</v>
      </c>
      <c r="D16" s="419">
        <v>6679</v>
      </c>
      <c r="E16" s="420">
        <v>6177</v>
      </c>
      <c r="F16" s="391">
        <v>1360</v>
      </c>
      <c r="G16" s="419">
        <v>682</v>
      </c>
      <c r="H16" s="419">
        <v>678</v>
      </c>
      <c r="I16" s="419">
        <v>10416</v>
      </c>
      <c r="J16" s="419">
        <v>5562</v>
      </c>
      <c r="K16" s="419">
        <v>4854</v>
      </c>
      <c r="L16" s="391">
        <v>1080</v>
      </c>
      <c r="M16" s="419">
        <v>435</v>
      </c>
      <c r="N16" s="418">
        <v>645</v>
      </c>
      <c r="O16" s="421"/>
    </row>
    <row r="17" spans="1:15" s="78" customFormat="1" ht="15" customHeight="1">
      <c r="A17" s="416"/>
      <c r="B17" s="422" t="s">
        <v>560</v>
      </c>
      <c r="C17" s="418">
        <v>9623</v>
      </c>
      <c r="D17" s="419">
        <v>4996</v>
      </c>
      <c r="E17" s="420">
        <v>4627</v>
      </c>
      <c r="F17" s="391">
        <v>992</v>
      </c>
      <c r="G17" s="419">
        <v>508</v>
      </c>
      <c r="H17" s="419">
        <v>484</v>
      </c>
      <c r="I17" s="419">
        <v>7829</v>
      </c>
      <c r="J17" s="419">
        <v>4156</v>
      </c>
      <c r="K17" s="419">
        <v>3673</v>
      </c>
      <c r="L17" s="391">
        <v>802</v>
      </c>
      <c r="M17" s="419">
        <v>332</v>
      </c>
      <c r="N17" s="418">
        <v>470</v>
      </c>
      <c r="O17" s="421"/>
    </row>
    <row r="18" spans="1:15" s="78" customFormat="1" ht="15" customHeight="1">
      <c r="A18" s="416"/>
      <c r="B18" s="422" t="s">
        <v>561</v>
      </c>
      <c r="C18" s="418">
        <v>10453</v>
      </c>
      <c r="D18" s="419">
        <v>5252</v>
      </c>
      <c r="E18" s="420">
        <v>5201</v>
      </c>
      <c r="F18" s="391">
        <v>1099</v>
      </c>
      <c r="G18" s="419">
        <v>537</v>
      </c>
      <c r="H18" s="419">
        <v>562</v>
      </c>
      <c r="I18" s="419">
        <v>8329</v>
      </c>
      <c r="J18" s="419">
        <v>4297</v>
      </c>
      <c r="K18" s="419">
        <v>4032</v>
      </c>
      <c r="L18" s="391">
        <v>1025</v>
      </c>
      <c r="M18" s="419">
        <v>418</v>
      </c>
      <c r="N18" s="418">
        <v>607</v>
      </c>
      <c r="O18" s="421"/>
    </row>
    <row r="19" spans="1:15" s="78" customFormat="1" ht="15" customHeight="1">
      <c r="A19" s="416"/>
      <c r="B19" s="422" t="s">
        <v>562</v>
      </c>
      <c r="C19" s="418">
        <v>9411</v>
      </c>
      <c r="D19" s="419">
        <v>4838</v>
      </c>
      <c r="E19" s="420">
        <v>4573</v>
      </c>
      <c r="F19" s="391">
        <v>1030</v>
      </c>
      <c r="G19" s="419">
        <v>505</v>
      </c>
      <c r="H19" s="419">
        <v>525</v>
      </c>
      <c r="I19" s="419">
        <v>7663</v>
      </c>
      <c r="J19" s="419">
        <v>4035</v>
      </c>
      <c r="K19" s="419">
        <v>3628</v>
      </c>
      <c r="L19" s="391">
        <v>718</v>
      </c>
      <c r="M19" s="419">
        <v>298</v>
      </c>
      <c r="N19" s="418">
        <v>420</v>
      </c>
      <c r="O19" s="421"/>
    </row>
    <row r="20" spans="1:15" s="78" customFormat="1" ht="15" customHeight="1">
      <c r="A20" s="416"/>
      <c r="B20" s="422" t="s">
        <v>563</v>
      </c>
      <c r="C20" s="418">
        <v>5487</v>
      </c>
      <c r="D20" s="419">
        <v>2812</v>
      </c>
      <c r="E20" s="420">
        <v>2675</v>
      </c>
      <c r="F20" s="391">
        <v>612</v>
      </c>
      <c r="G20" s="419">
        <v>316</v>
      </c>
      <c r="H20" s="419">
        <v>296</v>
      </c>
      <c r="I20" s="419">
        <v>4332</v>
      </c>
      <c r="J20" s="419">
        <v>2276</v>
      </c>
      <c r="K20" s="419">
        <v>2056</v>
      </c>
      <c r="L20" s="391">
        <v>543</v>
      </c>
      <c r="M20" s="419">
        <v>220</v>
      </c>
      <c r="N20" s="418">
        <v>323</v>
      </c>
      <c r="O20" s="421"/>
    </row>
    <row r="21" spans="1:15" s="78" customFormat="1" ht="15" customHeight="1">
      <c r="A21" s="416"/>
      <c r="B21" s="422" t="s">
        <v>564</v>
      </c>
      <c r="C21" s="418">
        <v>6334</v>
      </c>
      <c r="D21" s="419">
        <v>3302</v>
      </c>
      <c r="E21" s="420">
        <v>3032</v>
      </c>
      <c r="F21" s="391">
        <v>646</v>
      </c>
      <c r="G21" s="419">
        <v>345</v>
      </c>
      <c r="H21" s="419">
        <v>301</v>
      </c>
      <c r="I21" s="419">
        <v>5120</v>
      </c>
      <c r="J21" s="419">
        <v>2729</v>
      </c>
      <c r="K21" s="419">
        <v>2391</v>
      </c>
      <c r="L21" s="391">
        <v>568</v>
      </c>
      <c r="M21" s="419">
        <v>228</v>
      </c>
      <c r="N21" s="418">
        <v>340</v>
      </c>
      <c r="O21" s="421"/>
    </row>
    <row r="22" spans="1:15" s="78" customFormat="1" ht="15" customHeight="1">
      <c r="A22" s="416"/>
      <c r="B22" s="422" t="s">
        <v>565</v>
      </c>
      <c r="C22" s="418">
        <v>6309</v>
      </c>
      <c r="D22" s="419">
        <v>3258</v>
      </c>
      <c r="E22" s="420">
        <v>3051</v>
      </c>
      <c r="F22" s="391">
        <v>743</v>
      </c>
      <c r="G22" s="419">
        <v>391</v>
      </c>
      <c r="H22" s="419">
        <v>352</v>
      </c>
      <c r="I22" s="419">
        <v>4977</v>
      </c>
      <c r="J22" s="419">
        <v>2621</v>
      </c>
      <c r="K22" s="419">
        <v>2356</v>
      </c>
      <c r="L22" s="391">
        <v>589</v>
      </c>
      <c r="M22" s="419">
        <v>246</v>
      </c>
      <c r="N22" s="418">
        <v>343</v>
      </c>
      <c r="O22" s="421"/>
    </row>
    <row r="23" spans="1:15" s="78" customFormat="1" ht="15" customHeight="1">
      <c r="A23" s="416"/>
      <c r="B23" s="422" t="s">
        <v>566</v>
      </c>
      <c r="C23" s="418">
        <v>16883</v>
      </c>
      <c r="D23" s="419">
        <v>8672</v>
      </c>
      <c r="E23" s="420">
        <v>8211</v>
      </c>
      <c r="F23" s="391">
        <v>2188</v>
      </c>
      <c r="G23" s="419">
        <v>1204</v>
      </c>
      <c r="H23" s="419">
        <v>984</v>
      </c>
      <c r="I23" s="419">
        <v>13641</v>
      </c>
      <c r="J23" s="419">
        <v>7067</v>
      </c>
      <c r="K23" s="419">
        <v>6574</v>
      </c>
      <c r="L23" s="391">
        <v>1054</v>
      </c>
      <c r="M23" s="419">
        <v>401</v>
      </c>
      <c r="N23" s="418">
        <v>653</v>
      </c>
      <c r="O23" s="421"/>
    </row>
    <row r="24" spans="1:15" s="78" customFormat="1" ht="15" customHeight="1">
      <c r="A24" s="416"/>
      <c r="B24" s="422" t="s">
        <v>567</v>
      </c>
      <c r="C24" s="418">
        <v>12157</v>
      </c>
      <c r="D24" s="419">
        <v>6302</v>
      </c>
      <c r="E24" s="420">
        <v>5855</v>
      </c>
      <c r="F24" s="391">
        <v>1781</v>
      </c>
      <c r="G24" s="419">
        <v>913</v>
      </c>
      <c r="H24" s="419">
        <v>868</v>
      </c>
      <c r="I24" s="419">
        <v>9555</v>
      </c>
      <c r="J24" s="419">
        <v>5059</v>
      </c>
      <c r="K24" s="419">
        <v>4496</v>
      </c>
      <c r="L24" s="391">
        <v>821</v>
      </c>
      <c r="M24" s="419">
        <v>330</v>
      </c>
      <c r="N24" s="418">
        <v>491</v>
      </c>
      <c r="O24" s="421"/>
    </row>
    <row r="25" spans="1:15" s="415" customFormat="1" ht="17.25" customHeight="1">
      <c r="A25" s="1047" t="s">
        <v>568</v>
      </c>
      <c r="B25" s="1048"/>
      <c r="C25" s="410">
        <v>104623</v>
      </c>
      <c r="D25" s="411">
        <v>55438</v>
      </c>
      <c r="E25" s="412">
        <v>49185</v>
      </c>
      <c r="F25" s="413">
        <v>7009</v>
      </c>
      <c r="G25" s="411">
        <v>3593</v>
      </c>
      <c r="H25" s="413">
        <v>3416</v>
      </c>
      <c r="I25" s="411">
        <v>92774</v>
      </c>
      <c r="J25" s="411">
        <v>49754</v>
      </c>
      <c r="K25" s="412">
        <v>43020</v>
      </c>
      <c r="L25" s="413">
        <v>4840</v>
      </c>
      <c r="M25" s="411">
        <v>2091</v>
      </c>
      <c r="N25" s="413">
        <v>2749</v>
      </c>
      <c r="O25" s="414"/>
    </row>
    <row r="26" spans="1:15" s="78" customFormat="1" ht="15" customHeight="1">
      <c r="A26" s="416"/>
      <c r="B26" s="422" t="s">
        <v>569</v>
      </c>
      <c r="C26" s="418">
        <v>15657</v>
      </c>
      <c r="D26" s="419">
        <v>9384</v>
      </c>
      <c r="E26" s="420">
        <v>6273</v>
      </c>
      <c r="F26" s="391">
        <v>779</v>
      </c>
      <c r="G26" s="419">
        <v>386</v>
      </c>
      <c r="H26" s="419">
        <v>393</v>
      </c>
      <c r="I26" s="419">
        <v>14186</v>
      </c>
      <c r="J26" s="419">
        <v>8633</v>
      </c>
      <c r="K26" s="419">
        <v>5553</v>
      </c>
      <c r="L26" s="391">
        <v>692</v>
      </c>
      <c r="M26" s="419">
        <v>365</v>
      </c>
      <c r="N26" s="418">
        <v>327</v>
      </c>
      <c r="O26" s="421"/>
    </row>
    <row r="27" spans="1:15" s="78" customFormat="1" ht="15" customHeight="1">
      <c r="A27" s="416"/>
      <c r="B27" s="422" t="s">
        <v>570</v>
      </c>
      <c r="C27" s="418">
        <v>10718</v>
      </c>
      <c r="D27" s="419">
        <v>5884</v>
      </c>
      <c r="E27" s="420">
        <v>4834</v>
      </c>
      <c r="F27" s="391">
        <v>699</v>
      </c>
      <c r="G27" s="419">
        <v>357</v>
      </c>
      <c r="H27" s="419">
        <v>342</v>
      </c>
      <c r="I27" s="419">
        <v>9491</v>
      </c>
      <c r="J27" s="419">
        <v>5296</v>
      </c>
      <c r="K27" s="419">
        <v>4195</v>
      </c>
      <c r="L27" s="391">
        <v>528</v>
      </c>
      <c r="M27" s="419">
        <v>231</v>
      </c>
      <c r="N27" s="418">
        <v>297</v>
      </c>
      <c r="O27" s="421"/>
    </row>
    <row r="28" spans="1:15" s="78" customFormat="1" ht="15" customHeight="1">
      <c r="A28" s="416"/>
      <c r="B28" s="422" t="s">
        <v>571</v>
      </c>
      <c r="C28" s="418">
        <v>21669</v>
      </c>
      <c r="D28" s="419">
        <v>11236</v>
      </c>
      <c r="E28" s="420">
        <v>10433</v>
      </c>
      <c r="F28" s="391">
        <v>1229</v>
      </c>
      <c r="G28" s="419">
        <v>645</v>
      </c>
      <c r="H28" s="419">
        <v>584</v>
      </c>
      <c r="I28" s="419">
        <v>19745</v>
      </c>
      <c r="J28" s="419">
        <v>10295</v>
      </c>
      <c r="K28" s="419">
        <v>9450</v>
      </c>
      <c r="L28" s="391">
        <v>695</v>
      </c>
      <c r="M28" s="419">
        <v>296</v>
      </c>
      <c r="N28" s="418">
        <v>399</v>
      </c>
      <c r="O28" s="421"/>
    </row>
    <row r="29" spans="1:15" s="78" customFormat="1" ht="15" customHeight="1">
      <c r="A29" s="416"/>
      <c r="B29" s="422" t="s">
        <v>572</v>
      </c>
      <c r="C29" s="418">
        <v>15832</v>
      </c>
      <c r="D29" s="419">
        <v>8170</v>
      </c>
      <c r="E29" s="420">
        <v>7662</v>
      </c>
      <c r="F29" s="391">
        <v>1022</v>
      </c>
      <c r="G29" s="419">
        <v>509</v>
      </c>
      <c r="H29" s="419">
        <v>513</v>
      </c>
      <c r="I29" s="419">
        <v>13933</v>
      </c>
      <c r="J29" s="419">
        <v>7306</v>
      </c>
      <c r="K29" s="419">
        <v>6627</v>
      </c>
      <c r="L29" s="391">
        <v>877</v>
      </c>
      <c r="M29" s="419">
        <v>355</v>
      </c>
      <c r="N29" s="418">
        <v>522</v>
      </c>
      <c r="O29" s="421"/>
    </row>
    <row r="30" spans="1:15" s="78" customFormat="1" ht="15" customHeight="1">
      <c r="A30" s="416"/>
      <c r="B30" s="422" t="s">
        <v>573</v>
      </c>
      <c r="C30" s="418">
        <v>16625</v>
      </c>
      <c r="D30" s="419">
        <v>8628</v>
      </c>
      <c r="E30" s="420">
        <v>7997</v>
      </c>
      <c r="F30" s="391">
        <v>774</v>
      </c>
      <c r="G30" s="419">
        <v>394</v>
      </c>
      <c r="H30" s="419">
        <v>380</v>
      </c>
      <c r="I30" s="419">
        <v>15285</v>
      </c>
      <c r="J30" s="419">
        <v>8005</v>
      </c>
      <c r="K30" s="419">
        <v>7280</v>
      </c>
      <c r="L30" s="391">
        <v>566</v>
      </c>
      <c r="M30" s="419">
        <v>229</v>
      </c>
      <c r="N30" s="418">
        <v>337</v>
      </c>
      <c r="O30" s="421"/>
    </row>
    <row r="31" spans="1:15" s="78" customFormat="1" ht="15" customHeight="1">
      <c r="A31" s="416"/>
      <c r="B31" s="422" t="s">
        <v>574</v>
      </c>
      <c r="C31" s="418">
        <v>13921</v>
      </c>
      <c r="D31" s="419">
        <v>6978</v>
      </c>
      <c r="E31" s="420">
        <v>6943</v>
      </c>
      <c r="F31" s="391">
        <v>1448</v>
      </c>
      <c r="G31" s="419">
        <v>737</v>
      </c>
      <c r="H31" s="419">
        <v>711</v>
      </c>
      <c r="I31" s="419">
        <v>11636</v>
      </c>
      <c r="J31" s="419">
        <v>5898</v>
      </c>
      <c r="K31" s="419">
        <v>5738</v>
      </c>
      <c r="L31" s="391">
        <v>837</v>
      </c>
      <c r="M31" s="419">
        <v>343</v>
      </c>
      <c r="N31" s="418">
        <v>494</v>
      </c>
      <c r="O31" s="421"/>
    </row>
    <row r="32" spans="1:15" s="78" customFormat="1" ht="15" customHeight="1">
      <c r="A32" s="416"/>
      <c r="B32" s="422" t="s">
        <v>575</v>
      </c>
      <c r="C32" s="418">
        <v>10201</v>
      </c>
      <c r="D32" s="419">
        <v>5158</v>
      </c>
      <c r="E32" s="420">
        <v>5043</v>
      </c>
      <c r="F32" s="391">
        <v>1058</v>
      </c>
      <c r="G32" s="419">
        <v>565</v>
      </c>
      <c r="H32" s="419">
        <v>493</v>
      </c>
      <c r="I32" s="419">
        <v>8498</v>
      </c>
      <c r="J32" s="419">
        <v>4321</v>
      </c>
      <c r="K32" s="419">
        <v>4177</v>
      </c>
      <c r="L32" s="391">
        <v>645</v>
      </c>
      <c r="M32" s="419">
        <v>272</v>
      </c>
      <c r="N32" s="418">
        <v>373</v>
      </c>
      <c r="O32" s="421"/>
    </row>
    <row r="33" spans="1:15" s="415" customFormat="1" ht="17.25" customHeight="1">
      <c r="A33" s="1045" t="s">
        <v>576</v>
      </c>
      <c r="B33" s="1046"/>
      <c r="C33" s="410">
        <v>27160</v>
      </c>
      <c r="D33" s="411">
        <v>15379</v>
      </c>
      <c r="E33" s="412">
        <v>11781</v>
      </c>
      <c r="F33" s="413">
        <v>2759</v>
      </c>
      <c r="G33" s="411">
        <v>1398</v>
      </c>
      <c r="H33" s="413">
        <v>1361</v>
      </c>
      <c r="I33" s="411">
        <v>22348</v>
      </c>
      <c r="J33" s="411">
        <v>13112</v>
      </c>
      <c r="K33" s="413">
        <v>9236</v>
      </c>
      <c r="L33" s="411">
        <v>2053</v>
      </c>
      <c r="M33" s="411">
        <v>869</v>
      </c>
      <c r="N33" s="413">
        <v>1184</v>
      </c>
      <c r="O33" s="414"/>
    </row>
    <row r="34" spans="1:15" s="78" customFormat="1" ht="15" customHeight="1">
      <c r="A34" s="416"/>
      <c r="B34" s="422" t="s">
        <v>577</v>
      </c>
      <c r="C34" s="418">
        <v>14499</v>
      </c>
      <c r="D34" s="419">
        <v>9180</v>
      </c>
      <c r="E34" s="420">
        <v>5319</v>
      </c>
      <c r="F34" s="391">
        <v>1184</v>
      </c>
      <c r="G34" s="419">
        <v>618</v>
      </c>
      <c r="H34" s="419">
        <v>566</v>
      </c>
      <c r="I34" s="419">
        <v>12494</v>
      </c>
      <c r="J34" s="419">
        <v>8208</v>
      </c>
      <c r="K34" s="419">
        <v>4286</v>
      </c>
      <c r="L34" s="391">
        <v>821</v>
      </c>
      <c r="M34" s="419">
        <v>354</v>
      </c>
      <c r="N34" s="418">
        <v>467</v>
      </c>
      <c r="O34" s="421"/>
    </row>
    <row r="35" spans="1:15" s="78" customFormat="1" ht="15" customHeight="1">
      <c r="A35" s="416"/>
      <c r="B35" s="422" t="s">
        <v>578</v>
      </c>
      <c r="C35" s="418">
        <v>7751</v>
      </c>
      <c r="D35" s="419">
        <v>3792</v>
      </c>
      <c r="E35" s="420">
        <v>3959</v>
      </c>
      <c r="F35" s="391">
        <v>891</v>
      </c>
      <c r="G35" s="419">
        <v>442</v>
      </c>
      <c r="H35" s="419">
        <v>449</v>
      </c>
      <c r="I35" s="419">
        <v>6219</v>
      </c>
      <c r="J35" s="419">
        <v>3078</v>
      </c>
      <c r="K35" s="419">
        <v>3141</v>
      </c>
      <c r="L35" s="391">
        <v>641</v>
      </c>
      <c r="M35" s="419">
        <v>272</v>
      </c>
      <c r="N35" s="418">
        <v>369</v>
      </c>
      <c r="O35" s="421"/>
    </row>
    <row r="36" spans="1:15" s="78" customFormat="1" ht="15" customHeight="1">
      <c r="A36" s="416"/>
      <c r="B36" s="422" t="s">
        <v>579</v>
      </c>
      <c r="C36" s="418">
        <v>2350</v>
      </c>
      <c r="D36" s="419">
        <v>1146</v>
      </c>
      <c r="E36" s="420">
        <v>1204</v>
      </c>
      <c r="F36" s="391">
        <v>332</v>
      </c>
      <c r="G36" s="419">
        <v>167</v>
      </c>
      <c r="H36" s="419">
        <v>165</v>
      </c>
      <c r="I36" s="419">
        <v>1814</v>
      </c>
      <c r="J36" s="419">
        <v>890</v>
      </c>
      <c r="K36" s="419">
        <v>924</v>
      </c>
      <c r="L36" s="391">
        <v>204</v>
      </c>
      <c r="M36" s="419">
        <v>89</v>
      </c>
      <c r="N36" s="418">
        <v>115</v>
      </c>
      <c r="O36" s="421"/>
    </row>
    <row r="37" spans="1:15" s="78" customFormat="1" ht="15" customHeight="1">
      <c r="A37" s="416"/>
      <c r="B37" s="422" t="s">
        <v>580</v>
      </c>
      <c r="C37" s="418">
        <v>1291</v>
      </c>
      <c r="D37" s="419">
        <v>666</v>
      </c>
      <c r="E37" s="420">
        <v>625</v>
      </c>
      <c r="F37" s="391">
        <v>112</v>
      </c>
      <c r="G37" s="419">
        <v>57</v>
      </c>
      <c r="H37" s="419">
        <v>55</v>
      </c>
      <c r="I37" s="419">
        <v>932</v>
      </c>
      <c r="J37" s="419">
        <v>503</v>
      </c>
      <c r="K37" s="419">
        <v>429</v>
      </c>
      <c r="L37" s="391">
        <v>247</v>
      </c>
      <c r="M37" s="419">
        <v>106</v>
      </c>
      <c r="N37" s="418">
        <v>141</v>
      </c>
      <c r="O37" s="421"/>
    </row>
    <row r="38" spans="1:15" s="78" customFormat="1" ht="15" customHeight="1">
      <c r="A38" s="416"/>
      <c r="B38" s="422" t="s">
        <v>581</v>
      </c>
      <c r="C38" s="418">
        <v>1269</v>
      </c>
      <c r="D38" s="419">
        <v>595</v>
      </c>
      <c r="E38" s="420">
        <v>674</v>
      </c>
      <c r="F38" s="391">
        <v>240</v>
      </c>
      <c r="G38" s="419">
        <v>114</v>
      </c>
      <c r="H38" s="419">
        <v>126</v>
      </c>
      <c r="I38" s="419">
        <v>889</v>
      </c>
      <c r="J38" s="419">
        <v>433</v>
      </c>
      <c r="K38" s="419">
        <v>456</v>
      </c>
      <c r="L38" s="391">
        <v>140</v>
      </c>
      <c r="M38" s="419">
        <v>48</v>
      </c>
      <c r="N38" s="418">
        <v>92</v>
      </c>
      <c r="O38" s="421"/>
    </row>
    <row r="39" spans="1:15" s="415" customFormat="1" ht="17.25" customHeight="1">
      <c r="A39" s="1045" t="s">
        <v>617</v>
      </c>
      <c r="B39" s="1046"/>
      <c r="C39" s="410">
        <v>80988</v>
      </c>
      <c r="D39" s="411">
        <v>43926</v>
      </c>
      <c r="E39" s="412">
        <v>37062</v>
      </c>
      <c r="F39" s="413">
        <v>7264</v>
      </c>
      <c r="G39" s="411">
        <v>3705</v>
      </c>
      <c r="H39" s="413">
        <v>3559</v>
      </c>
      <c r="I39" s="411">
        <v>68320</v>
      </c>
      <c r="J39" s="411">
        <v>37805</v>
      </c>
      <c r="K39" s="412">
        <v>30515</v>
      </c>
      <c r="L39" s="413">
        <v>5404</v>
      </c>
      <c r="M39" s="411">
        <v>2416</v>
      </c>
      <c r="N39" s="413">
        <v>2988</v>
      </c>
      <c r="O39" s="414"/>
    </row>
    <row r="40" spans="1:15" s="415" customFormat="1" ht="15" customHeight="1">
      <c r="A40" s="1049" t="s">
        <v>583</v>
      </c>
      <c r="B40" s="1050"/>
      <c r="C40" s="418">
        <v>35573</v>
      </c>
      <c r="D40" s="419">
        <v>18788</v>
      </c>
      <c r="E40" s="420">
        <v>16785</v>
      </c>
      <c r="F40" s="391">
        <v>2870</v>
      </c>
      <c r="G40" s="419">
        <v>1468</v>
      </c>
      <c r="H40" s="419">
        <v>1402</v>
      </c>
      <c r="I40" s="419">
        <v>30043</v>
      </c>
      <c r="J40" s="419">
        <v>16138</v>
      </c>
      <c r="K40" s="419">
        <v>13905</v>
      </c>
      <c r="L40" s="391">
        <v>2660</v>
      </c>
      <c r="M40" s="419">
        <v>1182</v>
      </c>
      <c r="N40" s="418">
        <v>1478</v>
      </c>
      <c r="O40" s="423"/>
    </row>
    <row r="41" spans="1:15" s="415" customFormat="1" ht="15" customHeight="1">
      <c r="A41" s="424"/>
      <c r="B41" s="422" t="s">
        <v>584</v>
      </c>
      <c r="C41" s="418">
        <v>7307</v>
      </c>
      <c r="D41" s="419">
        <v>3925</v>
      </c>
      <c r="E41" s="420">
        <v>3382</v>
      </c>
      <c r="F41" s="391">
        <v>625</v>
      </c>
      <c r="G41" s="419">
        <v>316</v>
      </c>
      <c r="H41" s="419">
        <v>309</v>
      </c>
      <c r="I41" s="419">
        <v>6130</v>
      </c>
      <c r="J41" s="419">
        <v>3348</v>
      </c>
      <c r="K41" s="419">
        <v>2782</v>
      </c>
      <c r="L41" s="391">
        <v>552</v>
      </c>
      <c r="M41" s="419">
        <v>261</v>
      </c>
      <c r="N41" s="418">
        <v>291</v>
      </c>
      <c r="O41" s="423"/>
    </row>
    <row r="42" spans="1:15" s="415" customFormat="1" ht="15" customHeight="1">
      <c r="A42" s="424"/>
      <c r="B42" s="422" t="s">
        <v>585</v>
      </c>
      <c r="C42" s="418">
        <v>13171</v>
      </c>
      <c r="D42" s="419">
        <v>7178</v>
      </c>
      <c r="E42" s="420">
        <v>5993</v>
      </c>
      <c r="F42" s="391">
        <v>1109</v>
      </c>
      <c r="G42" s="419">
        <v>587</v>
      </c>
      <c r="H42" s="419">
        <v>522</v>
      </c>
      <c r="I42" s="419">
        <v>10966</v>
      </c>
      <c r="J42" s="419">
        <v>6082</v>
      </c>
      <c r="K42" s="419">
        <v>4884</v>
      </c>
      <c r="L42" s="391">
        <v>1096</v>
      </c>
      <c r="M42" s="419">
        <v>509</v>
      </c>
      <c r="N42" s="418">
        <v>587</v>
      </c>
      <c r="O42" s="423"/>
    </row>
    <row r="43" spans="1:15" s="415" customFormat="1" ht="15" customHeight="1">
      <c r="A43" s="424"/>
      <c r="B43" s="425" t="s">
        <v>586</v>
      </c>
      <c r="C43" s="428">
        <v>15095</v>
      </c>
      <c r="D43" s="427">
        <v>7685</v>
      </c>
      <c r="E43" s="432">
        <v>7410</v>
      </c>
      <c r="F43" s="426">
        <v>1136</v>
      </c>
      <c r="G43" s="427">
        <v>565</v>
      </c>
      <c r="H43" s="427">
        <v>571</v>
      </c>
      <c r="I43" s="427">
        <v>12947</v>
      </c>
      <c r="J43" s="427">
        <v>6708</v>
      </c>
      <c r="K43" s="427">
        <v>6239</v>
      </c>
      <c r="L43" s="426">
        <v>1012</v>
      </c>
      <c r="M43" s="427">
        <v>412</v>
      </c>
      <c r="N43" s="428">
        <v>600</v>
      </c>
      <c r="O43" s="423"/>
    </row>
    <row r="44" spans="1:15" s="78" customFormat="1" ht="15" customHeight="1">
      <c r="A44" s="416"/>
      <c r="B44" s="422" t="s">
        <v>587</v>
      </c>
      <c r="C44" s="418">
        <v>10939</v>
      </c>
      <c r="D44" s="419">
        <v>6363</v>
      </c>
      <c r="E44" s="420">
        <v>4576</v>
      </c>
      <c r="F44" s="391">
        <v>935</v>
      </c>
      <c r="G44" s="419">
        <v>468</v>
      </c>
      <c r="H44" s="419">
        <v>467</v>
      </c>
      <c r="I44" s="419">
        <v>9323</v>
      </c>
      <c r="J44" s="419">
        <v>5575</v>
      </c>
      <c r="K44" s="419">
        <v>3748</v>
      </c>
      <c r="L44" s="391">
        <v>681</v>
      </c>
      <c r="M44" s="419">
        <v>320</v>
      </c>
      <c r="N44" s="418">
        <v>361</v>
      </c>
      <c r="O44" s="421"/>
    </row>
    <row r="45" spans="1:15" s="78" customFormat="1" ht="15" customHeight="1">
      <c r="A45" s="416"/>
      <c r="B45" s="422" t="s">
        <v>588</v>
      </c>
      <c r="C45" s="418">
        <v>13574</v>
      </c>
      <c r="D45" s="419">
        <v>7272</v>
      </c>
      <c r="E45" s="420">
        <v>6302</v>
      </c>
      <c r="F45" s="391">
        <v>1135</v>
      </c>
      <c r="G45" s="419">
        <v>584</v>
      </c>
      <c r="H45" s="419">
        <v>551</v>
      </c>
      <c r="I45" s="419">
        <v>11715</v>
      </c>
      <c r="J45" s="419">
        <v>6361</v>
      </c>
      <c r="K45" s="419">
        <v>5354</v>
      </c>
      <c r="L45" s="391">
        <v>724</v>
      </c>
      <c r="M45" s="419">
        <v>327</v>
      </c>
      <c r="N45" s="418">
        <v>397</v>
      </c>
      <c r="O45" s="421"/>
    </row>
    <row r="46" spans="1:15" s="78" customFormat="1" ht="15" customHeight="1">
      <c r="A46" s="416"/>
      <c r="B46" s="422" t="s">
        <v>589</v>
      </c>
      <c r="C46" s="418">
        <v>7998</v>
      </c>
      <c r="D46" s="419">
        <v>4259</v>
      </c>
      <c r="E46" s="420">
        <v>3739</v>
      </c>
      <c r="F46" s="391">
        <v>906</v>
      </c>
      <c r="G46" s="419">
        <v>460</v>
      </c>
      <c r="H46" s="419">
        <v>446</v>
      </c>
      <c r="I46" s="419">
        <v>6556</v>
      </c>
      <c r="J46" s="419">
        <v>3580</v>
      </c>
      <c r="K46" s="419">
        <v>2976</v>
      </c>
      <c r="L46" s="391">
        <v>536</v>
      </c>
      <c r="M46" s="419">
        <v>219</v>
      </c>
      <c r="N46" s="418">
        <v>317</v>
      </c>
      <c r="O46" s="421"/>
    </row>
    <row r="47" spans="1:15" s="78" customFormat="1" ht="15" customHeight="1">
      <c r="A47" s="416"/>
      <c r="B47" s="422" t="s">
        <v>590</v>
      </c>
      <c r="C47" s="418">
        <v>6587</v>
      </c>
      <c r="D47" s="419">
        <v>3534</v>
      </c>
      <c r="E47" s="420">
        <v>3053</v>
      </c>
      <c r="F47" s="391">
        <v>620</v>
      </c>
      <c r="G47" s="419">
        <v>316</v>
      </c>
      <c r="H47" s="419">
        <v>304</v>
      </c>
      <c r="I47" s="419">
        <v>5519</v>
      </c>
      <c r="J47" s="419">
        <v>3018</v>
      </c>
      <c r="K47" s="419">
        <v>2501</v>
      </c>
      <c r="L47" s="391">
        <v>448</v>
      </c>
      <c r="M47" s="419">
        <v>200</v>
      </c>
      <c r="N47" s="418">
        <v>248</v>
      </c>
      <c r="O47" s="421"/>
    </row>
    <row r="48" spans="1:15" s="78" customFormat="1" ht="15" customHeight="1">
      <c r="A48" s="416"/>
      <c r="B48" s="422" t="s">
        <v>591</v>
      </c>
      <c r="C48" s="418">
        <v>4384</v>
      </c>
      <c r="D48" s="419">
        <v>2562</v>
      </c>
      <c r="E48" s="420">
        <v>1822</v>
      </c>
      <c r="F48" s="391">
        <v>586</v>
      </c>
      <c r="G48" s="419">
        <v>300</v>
      </c>
      <c r="H48" s="419">
        <v>286</v>
      </c>
      <c r="I48" s="419">
        <v>3568</v>
      </c>
      <c r="J48" s="419">
        <v>2161</v>
      </c>
      <c r="K48" s="419">
        <v>1407</v>
      </c>
      <c r="L48" s="391">
        <v>230</v>
      </c>
      <c r="M48" s="419">
        <v>101</v>
      </c>
      <c r="N48" s="418">
        <v>129</v>
      </c>
      <c r="O48" s="421"/>
    </row>
    <row r="49" spans="1:15" s="78" customFormat="1" ht="15" customHeight="1">
      <c r="A49" s="416"/>
      <c r="B49" s="422" t="s">
        <v>592</v>
      </c>
      <c r="C49" s="418">
        <v>1875</v>
      </c>
      <c r="D49" s="419">
        <v>1115</v>
      </c>
      <c r="E49" s="420">
        <v>760</v>
      </c>
      <c r="F49" s="391">
        <v>208</v>
      </c>
      <c r="G49" s="419">
        <v>106</v>
      </c>
      <c r="H49" s="419">
        <v>102</v>
      </c>
      <c r="I49" s="419">
        <v>1546</v>
      </c>
      <c r="J49" s="419">
        <v>944</v>
      </c>
      <c r="K49" s="419">
        <v>602</v>
      </c>
      <c r="L49" s="391">
        <v>121</v>
      </c>
      <c r="M49" s="419">
        <v>65</v>
      </c>
      <c r="N49" s="418">
        <v>56</v>
      </c>
      <c r="O49" s="421"/>
    </row>
    <row r="50" spans="1:15" s="78" customFormat="1" ht="15" customHeight="1">
      <c r="A50" s="416"/>
      <c r="B50" s="422" t="s">
        <v>304</v>
      </c>
      <c r="C50" s="418">
        <v>58</v>
      </c>
      <c r="D50" s="419">
        <v>33</v>
      </c>
      <c r="E50" s="420">
        <v>25</v>
      </c>
      <c r="F50" s="391">
        <v>4</v>
      </c>
      <c r="G50" s="419">
        <v>3</v>
      </c>
      <c r="H50" s="419">
        <v>1</v>
      </c>
      <c r="I50" s="419">
        <v>50</v>
      </c>
      <c r="J50" s="419">
        <v>28</v>
      </c>
      <c r="K50" s="419">
        <v>22</v>
      </c>
      <c r="L50" s="391">
        <v>4</v>
      </c>
      <c r="M50" s="419">
        <v>2</v>
      </c>
      <c r="N50" s="418">
        <v>2</v>
      </c>
      <c r="O50" s="421"/>
    </row>
    <row r="51" spans="1:15" s="415" customFormat="1" ht="17.25" customHeight="1">
      <c r="A51" s="1045" t="s">
        <v>618</v>
      </c>
      <c r="B51" s="1046"/>
      <c r="C51" s="410">
        <v>57618</v>
      </c>
      <c r="D51" s="411">
        <v>30847</v>
      </c>
      <c r="E51" s="412">
        <v>26771</v>
      </c>
      <c r="F51" s="413">
        <v>6113</v>
      </c>
      <c r="G51" s="411">
        <v>3116</v>
      </c>
      <c r="H51" s="413">
        <v>2997</v>
      </c>
      <c r="I51" s="411">
        <v>47343</v>
      </c>
      <c r="J51" s="411">
        <v>25971</v>
      </c>
      <c r="K51" s="413">
        <v>21372</v>
      </c>
      <c r="L51" s="411">
        <v>4162</v>
      </c>
      <c r="M51" s="411">
        <v>1760</v>
      </c>
      <c r="N51" s="413">
        <v>2402</v>
      </c>
      <c r="O51" s="414"/>
    </row>
    <row r="52" spans="1:15" s="78" customFormat="1" ht="15" customHeight="1">
      <c r="A52" s="416"/>
      <c r="B52" s="422" t="s">
        <v>594</v>
      </c>
      <c r="C52" s="418">
        <v>10047</v>
      </c>
      <c r="D52" s="419">
        <v>5458</v>
      </c>
      <c r="E52" s="420">
        <v>4589</v>
      </c>
      <c r="F52" s="391">
        <v>1039</v>
      </c>
      <c r="G52" s="419">
        <v>516</v>
      </c>
      <c r="H52" s="419">
        <v>523</v>
      </c>
      <c r="I52" s="419">
        <v>8232</v>
      </c>
      <c r="J52" s="419">
        <v>4602</v>
      </c>
      <c r="K52" s="419">
        <v>3630</v>
      </c>
      <c r="L52" s="391">
        <v>776</v>
      </c>
      <c r="M52" s="419">
        <v>340</v>
      </c>
      <c r="N52" s="418">
        <v>436</v>
      </c>
      <c r="O52" s="429"/>
    </row>
    <row r="53" spans="1:15" s="78" customFormat="1" ht="15" customHeight="1">
      <c r="A53" s="416"/>
      <c r="B53" s="422" t="s">
        <v>294</v>
      </c>
      <c r="C53" s="418">
        <v>21480</v>
      </c>
      <c r="D53" s="419">
        <v>11417</v>
      </c>
      <c r="E53" s="420">
        <v>10063</v>
      </c>
      <c r="F53" s="391">
        <v>2304</v>
      </c>
      <c r="G53" s="419">
        <v>1209</v>
      </c>
      <c r="H53" s="419">
        <v>1095</v>
      </c>
      <c r="I53" s="419">
        <v>17761</v>
      </c>
      <c r="J53" s="419">
        <v>9646</v>
      </c>
      <c r="K53" s="419">
        <v>8115</v>
      </c>
      <c r="L53" s="391">
        <v>1415</v>
      </c>
      <c r="M53" s="419">
        <v>562</v>
      </c>
      <c r="N53" s="418">
        <v>853</v>
      </c>
      <c r="O53" s="429"/>
    </row>
    <row r="54" spans="1:15" s="78" customFormat="1" ht="15" customHeight="1">
      <c r="A54" s="416"/>
      <c r="B54" s="422" t="s">
        <v>595</v>
      </c>
      <c r="C54" s="418">
        <v>9992</v>
      </c>
      <c r="D54" s="419">
        <v>4955</v>
      </c>
      <c r="E54" s="420">
        <v>5037</v>
      </c>
      <c r="F54" s="391">
        <v>1266</v>
      </c>
      <c r="G54" s="419">
        <v>616</v>
      </c>
      <c r="H54" s="419">
        <v>650</v>
      </c>
      <c r="I54" s="419">
        <v>7949</v>
      </c>
      <c r="J54" s="419">
        <v>4014</v>
      </c>
      <c r="K54" s="419">
        <v>3935</v>
      </c>
      <c r="L54" s="391">
        <v>777</v>
      </c>
      <c r="M54" s="419">
        <v>325</v>
      </c>
      <c r="N54" s="418">
        <v>452</v>
      </c>
      <c r="O54" s="429"/>
    </row>
    <row r="55" spans="1:15" s="78" customFormat="1" ht="15" customHeight="1">
      <c r="A55" s="416"/>
      <c r="B55" s="422" t="s">
        <v>596</v>
      </c>
      <c r="C55" s="418">
        <v>6469</v>
      </c>
      <c r="D55" s="419">
        <v>3670</v>
      </c>
      <c r="E55" s="420">
        <v>2799</v>
      </c>
      <c r="F55" s="391">
        <v>534</v>
      </c>
      <c r="G55" s="419">
        <v>272</v>
      </c>
      <c r="H55" s="419">
        <v>262</v>
      </c>
      <c r="I55" s="419">
        <v>5450</v>
      </c>
      <c r="J55" s="419">
        <v>3172</v>
      </c>
      <c r="K55" s="419">
        <v>2278</v>
      </c>
      <c r="L55" s="391">
        <v>485</v>
      </c>
      <c r="M55" s="419">
        <v>226</v>
      </c>
      <c r="N55" s="418">
        <v>259</v>
      </c>
      <c r="O55" s="429"/>
    </row>
    <row r="56" spans="1:15" s="78" customFormat="1" ht="15" customHeight="1">
      <c r="A56" s="416"/>
      <c r="B56" s="422" t="s">
        <v>597</v>
      </c>
      <c r="C56" s="418">
        <v>5248</v>
      </c>
      <c r="D56" s="419">
        <v>2993</v>
      </c>
      <c r="E56" s="420">
        <v>2255</v>
      </c>
      <c r="F56" s="391">
        <v>437</v>
      </c>
      <c r="G56" s="419">
        <v>217</v>
      </c>
      <c r="H56" s="419">
        <v>220</v>
      </c>
      <c r="I56" s="419">
        <v>4483</v>
      </c>
      <c r="J56" s="419">
        <v>2630</v>
      </c>
      <c r="K56" s="419">
        <v>1853</v>
      </c>
      <c r="L56" s="391">
        <v>328</v>
      </c>
      <c r="M56" s="419">
        <v>146</v>
      </c>
      <c r="N56" s="418">
        <v>182</v>
      </c>
      <c r="O56" s="429"/>
    </row>
    <row r="57" spans="1:15" s="78" customFormat="1" ht="15" customHeight="1">
      <c r="A57" s="416"/>
      <c r="B57" s="422" t="s">
        <v>598</v>
      </c>
      <c r="C57" s="418">
        <v>2224</v>
      </c>
      <c r="D57" s="419">
        <v>1237</v>
      </c>
      <c r="E57" s="420">
        <v>987</v>
      </c>
      <c r="F57" s="391">
        <v>238</v>
      </c>
      <c r="G57" s="419">
        <v>121</v>
      </c>
      <c r="H57" s="419">
        <v>117</v>
      </c>
      <c r="I57" s="419">
        <v>1839</v>
      </c>
      <c r="J57" s="419">
        <v>1053</v>
      </c>
      <c r="K57" s="419">
        <v>786</v>
      </c>
      <c r="L57" s="391">
        <v>147</v>
      </c>
      <c r="M57" s="419">
        <v>63</v>
      </c>
      <c r="N57" s="418">
        <v>84</v>
      </c>
      <c r="O57" s="429"/>
    </row>
    <row r="58" spans="1:15" s="78" customFormat="1" ht="15" customHeight="1">
      <c r="A58" s="416"/>
      <c r="B58" s="422" t="s">
        <v>599</v>
      </c>
      <c r="C58" s="418">
        <v>1207</v>
      </c>
      <c r="D58" s="419">
        <v>621</v>
      </c>
      <c r="E58" s="420">
        <v>586</v>
      </c>
      <c r="F58" s="391">
        <v>170</v>
      </c>
      <c r="G58" s="419">
        <v>92</v>
      </c>
      <c r="H58" s="419">
        <v>78</v>
      </c>
      <c r="I58" s="419">
        <v>900</v>
      </c>
      <c r="J58" s="419">
        <v>469</v>
      </c>
      <c r="K58" s="419">
        <v>431</v>
      </c>
      <c r="L58" s="391">
        <v>137</v>
      </c>
      <c r="M58" s="419">
        <v>60</v>
      </c>
      <c r="N58" s="418">
        <v>77</v>
      </c>
      <c r="O58" s="429"/>
    </row>
    <row r="59" spans="1:15" s="78" customFormat="1" ht="15" customHeight="1">
      <c r="A59" s="416"/>
      <c r="B59" s="422" t="s">
        <v>600</v>
      </c>
      <c r="C59" s="418">
        <v>951</v>
      </c>
      <c r="D59" s="419">
        <v>496</v>
      </c>
      <c r="E59" s="420">
        <v>455</v>
      </c>
      <c r="F59" s="391">
        <v>125</v>
      </c>
      <c r="G59" s="419">
        <v>73</v>
      </c>
      <c r="H59" s="419">
        <v>52</v>
      </c>
      <c r="I59" s="419">
        <v>729</v>
      </c>
      <c r="J59" s="419">
        <v>385</v>
      </c>
      <c r="K59" s="419">
        <v>344</v>
      </c>
      <c r="L59" s="391">
        <v>97</v>
      </c>
      <c r="M59" s="419">
        <v>38</v>
      </c>
      <c r="N59" s="418">
        <v>59</v>
      </c>
      <c r="O59" s="429"/>
    </row>
    <row r="60" spans="1:15" s="415" customFormat="1" ht="17.25" customHeight="1">
      <c r="A60" s="1045" t="s">
        <v>619</v>
      </c>
      <c r="B60" s="1046"/>
      <c r="C60" s="410">
        <v>15080</v>
      </c>
      <c r="D60" s="411">
        <v>7551</v>
      </c>
      <c r="E60" s="412">
        <v>7529</v>
      </c>
      <c r="F60" s="413">
        <v>1303</v>
      </c>
      <c r="G60" s="411">
        <v>663</v>
      </c>
      <c r="H60" s="411">
        <v>640</v>
      </c>
      <c r="I60" s="411">
        <v>12261</v>
      </c>
      <c r="J60" s="411">
        <v>6175</v>
      </c>
      <c r="K60" s="411">
        <v>6086</v>
      </c>
      <c r="L60" s="413">
        <v>1516</v>
      </c>
      <c r="M60" s="411">
        <v>713</v>
      </c>
      <c r="N60" s="410">
        <v>803</v>
      </c>
      <c r="O60" s="414"/>
    </row>
    <row r="61" spans="1:15" s="78" customFormat="1" ht="15" customHeight="1">
      <c r="A61" s="416"/>
      <c r="B61" s="422" t="s">
        <v>602</v>
      </c>
      <c r="C61" s="418">
        <v>7863</v>
      </c>
      <c r="D61" s="419">
        <v>4142</v>
      </c>
      <c r="E61" s="420">
        <v>3721</v>
      </c>
      <c r="F61" s="391">
        <v>718</v>
      </c>
      <c r="G61" s="419">
        <v>356</v>
      </c>
      <c r="H61" s="419">
        <v>362</v>
      </c>
      <c r="I61" s="419">
        <v>6409</v>
      </c>
      <c r="J61" s="419">
        <v>3448</v>
      </c>
      <c r="K61" s="419">
        <v>2961</v>
      </c>
      <c r="L61" s="391">
        <v>736</v>
      </c>
      <c r="M61" s="419">
        <v>338</v>
      </c>
      <c r="N61" s="418">
        <v>398</v>
      </c>
      <c r="O61" s="421"/>
    </row>
    <row r="62" spans="1:15" s="78" customFormat="1" ht="15" customHeight="1">
      <c r="A62" s="416"/>
      <c r="B62" s="422" t="s">
        <v>603</v>
      </c>
      <c r="C62" s="418">
        <v>1496</v>
      </c>
      <c r="D62" s="419">
        <v>777</v>
      </c>
      <c r="E62" s="420">
        <v>719</v>
      </c>
      <c r="F62" s="391">
        <v>154</v>
      </c>
      <c r="G62" s="419">
        <v>81</v>
      </c>
      <c r="H62" s="419">
        <v>73</v>
      </c>
      <c r="I62" s="419">
        <v>1181</v>
      </c>
      <c r="J62" s="419">
        <v>624</v>
      </c>
      <c r="K62" s="419">
        <v>557</v>
      </c>
      <c r="L62" s="391">
        <v>161</v>
      </c>
      <c r="M62" s="419">
        <v>72</v>
      </c>
      <c r="N62" s="418">
        <v>89</v>
      </c>
      <c r="O62" s="421"/>
    </row>
    <row r="63" spans="1:15" s="78" customFormat="1" ht="15" customHeight="1">
      <c r="A63" s="416"/>
      <c r="B63" s="422" t="s">
        <v>604</v>
      </c>
      <c r="C63" s="418">
        <v>327</v>
      </c>
      <c r="D63" s="419">
        <v>190</v>
      </c>
      <c r="E63" s="420">
        <v>137</v>
      </c>
      <c r="F63" s="391">
        <v>30</v>
      </c>
      <c r="G63" s="419">
        <v>12</v>
      </c>
      <c r="H63" s="419">
        <v>18</v>
      </c>
      <c r="I63" s="419">
        <v>273</v>
      </c>
      <c r="J63" s="419">
        <v>162</v>
      </c>
      <c r="K63" s="419">
        <v>111</v>
      </c>
      <c r="L63" s="391">
        <v>24</v>
      </c>
      <c r="M63" s="419">
        <v>16</v>
      </c>
      <c r="N63" s="418">
        <v>8</v>
      </c>
      <c r="O63" s="421"/>
    </row>
    <row r="64" spans="1:15" s="78" customFormat="1" ht="15" customHeight="1">
      <c r="A64" s="416"/>
      <c r="B64" s="422" t="s">
        <v>605</v>
      </c>
      <c r="C64" s="418">
        <v>706</v>
      </c>
      <c r="D64" s="419">
        <v>398</v>
      </c>
      <c r="E64" s="420">
        <v>308</v>
      </c>
      <c r="F64" s="391">
        <v>96</v>
      </c>
      <c r="G64" s="419">
        <v>53</v>
      </c>
      <c r="H64" s="419">
        <v>43</v>
      </c>
      <c r="I64" s="419">
        <v>558</v>
      </c>
      <c r="J64" s="419">
        <v>319</v>
      </c>
      <c r="K64" s="419">
        <v>239</v>
      </c>
      <c r="L64" s="391">
        <v>52</v>
      </c>
      <c r="M64" s="419">
        <v>26</v>
      </c>
      <c r="N64" s="418">
        <v>26</v>
      </c>
      <c r="O64" s="421"/>
    </row>
    <row r="65" spans="1:17" s="78" customFormat="1" ht="15" customHeight="1">
      <c r="A65" s="416"/>
      <c r="B65" s="422" t="s">
        <v>606</v>
      </c>
      <c r="C65" s="418">
        <v>910</v>
      </c>
      <c r="D65" s="419">
        <v>226</v>
      </c>
      <c r="E65" s="420">
        <v>684</v>
      </c>
      <c r="F65" s="391">
        <v>33</v>
      </c>
      <c r="G65" s="419">
        <v>19</v>
      </c>
      <c r="H65" s="419">
        <v>14</v>
      </c>
      <c r="I65" s="419">
        <v>855</v>
      </c>
      <c r="J65" s="419">
        <v>197</v>
      </c>
      <c r="K65" s="419">
        <v>658</v>
      </c>
      <c r="L65" s="391">
        <v>22</v>
      </c>
      <c r="M65" s="419">
        <v>10</v>
      </c>
      <c r="N65" s="418">
        <v>12</v>
      </c>
      <c r="O65" s="421"/>
    </row>
    <row r="66" spans="1:17" s="78" customFormat="1" ht="15" customHeight="1">
      <c r="A66" s="416"/>
      <c r="B66" s="422" t="s">
        <v>295</v>
      </c>
      <c r="C66" s="418">
        <v>242</v>
      </c>
      <c r="D66" s="419">
        <v>137</v>
      </c>
      <c r="E66" s="420">
        <v>105</v>
      </c>
      <c r="F66" s="391">
        <v>25</v>
      </c>
      <c r="G66" s="419">
        <v>12</v>
      </c>
      <c r="H66" s="419">
        <v>13</v>
      </c>
      <c r="I66" s="419">
        <v>187</v>
      </c>
      <c r="J66" s="419">
        <v>109</v>
      </c>
      <c r="K66" s="419">
        <v>78</v>
      </c>
      <c r="L66" s="391">
        <v>30</v>
      </c>
      <c r="M66" s="419">
        <v>16</v>
      </c>
      <c r="N66" s="418">
        <v>14</v>
      </c>
      <c r="O66" s="421"/>
    </row>
    <row r="67" spans="1:17" s="78" customFormat="1" ht="15" customHeight="1">
      <c r="A67" s="416"/>
      <c r="B67" s="422" t="s">
        <v>607</v>
      </c>
      <c r="C67" s="418">
        <v>877</v>
      </c>
      <c r="D67" s="419">
        <v>440</v>
      </c>
      <c r="E67" s="420">
        <v>437</v>
      </c>
      <c r="F67" s="391">
        <v>105</v>
      </c>
      <c r="G67" s="419">
        <v>51</v>
      </c>
      <c r="H67" s="419">
        <v>54</v>
      </c>
      <c r="I67" s="419">
        <v>662</v>
      </c>
      <c r="J67" s="419">
        <v>342</v>
      </c>
      <c r="K67" s="419">
        <v>320</v>
      </c>
      <c r="L67" s="391">
        <v>110</v>
      </c>
      <c r="M67" s="419">
        <v>47</v>
      </c>
      <c r="N67" s="418">
        <v>63</v>
      </c>
      <c r="O67" s="421"/>
    </row>
    <row r="68" spans="1:17" s="78" customFormat="1" ht="15" customHeight="1">
      <c r="A68" s="416"/>
      <c r="B68" s="422" t="s">
        <v>287</v>
      </c>
      <c r="C68" s="418">
        <v>1198</v>
      </c>
      <c r="D68" s="419">
        <v>546</v>
      </c>
      <c r="E68" s="420">
        <v>652</v>
      </c>
      <c r="F68" s="391">
        <v>49</v>
      </c>
      <c r="G68" s="419">
        <v>30</v>
      </c>
      <c r="H68" s="419">
        <v>19</v>
      </c>
      <c r="I68" s="419">
        <v>1059</v>
      </c>
      <c r="J68" s="419">
        <v>475</v>
      </c>
      <c r="K68" s="419">
        <v>584</v>
      </c>
      <c r="L68" s="391">
        <v>90</v>
      </c>
      <c r="M68" s="419">
        <v>41</v>
      </c>
      <c r="N68" s="418">
        <v>49</v>
      </c>
      <c r="O68" s="429"/>
      <c r="Q68" s="116"/>
    </row>
    <row r="69" spans="1:17" s="78" customFormat="1" ht="15" customHeight="1">
      <c r="A69" s="416"/>
      <c r="B69" s="422" t="s">
        <v>289</v>
      </c>
      <c r="C69" s="418">
        <v>224</v>
      </c>
      <c r="D69" s="419">
        <v>112</v>
      </c>
      <c r="E69" s="420">
        <v>112</v>
      </c>
      <c r="F69" s="391">
        <v>22</v>
      </c>
      <c r="G69" s="419">
        <v>10</v>
      </c>
      <c r="H69" s="419">
        <v>12</v>
      </c>
      <c r="I69" s="419">
        <v>164</v>
      </c>
      <c r="J69" s="419">
        <v>83</v>
      </c>
      <c r="K69" s="419">
        <v>81</v>
      </c>
      <c r="L69" s="391">
        <v>38</v>
      </c>
      <c r="M69" s="419">
        <v>19</v>
      </c>
      <c r="N69" s="418">
        <v>19</v>
      </c>
      <c r="O69" s="429"/>
    </row>
    <row r="70" spans="1:17" s="78" customFormat="1" ht="15" customHeight="1">
      <c r="A70" s="416"/>
      <c r="B70" s="422" t="s">
        <v>291</v>
      </c>
      <c r="C70" s="418">
        <v>1237</v>
      </c>
      <c r="D70" s="419">
        <v>583</v>
      </c>
      <c r="E70" s="420">
        <v>654</v>
      </c>
      <c r="F70" s="391">
        <v>71</v>
      </c>
      <c r="G70" s="419">
        <v>39</v>
      </c>
      <c r="H70" s="419">
        <v>32</v>
      </c>
      <c r="I70" s="419">
        <v>913</v>
      </c>
      <c r="J70" s="419">
        <v>416</v>
      </c>
      <c r="K70" s="419">
        <v>497</v>
      </c>
      <c r="L70" s="391">
        <v>253</v>
      </c>
      <c r="M70" s="419">
        <v>128</v>
      </c>
      <c r="N70" s="418">
        <v>125</v>
      </c>
      <c r="O70" s="429"/>
    </row>
    <row r="71" spans="1:17" s="78" customFormat="1" ht="11.25" customHeight="1" thickBot="1">
      <c r="A71" s="430"/>
      <c r="B71" s="431"/>
      <c r="C71" s="392"/>
      <c r="D71" s="393"/>
      <c r="E71" s="394"/>
      <c r="F71" s="395"/>
      <c r="G71" s="393"/>
      <c r="H71" s="393"/>
      <c r="I71" s="393"/>
      <c r="J71" s="393"/>
      <c r="K71" s="394"/>
      <c r="L71" s="395"/>
      <c r="M71" s="393"/>
      <c r="N71" s="392"/>
      <c r="O71" s="116"/>
    </row>
    <row r="72" spans="1:17" ht="9" customHeight="1" thickTop="1"/>
    <row r="73" spans="1:17" s="433" customFormat="1" ht="15" customHeight="1">
      <c r="B73" s="388" t="s">
        <v>620</v>
      </c>
    </row>
  </sheetData>
  <mergeCells count="12">
    <mergeCell ref="A3:B4"/>
    <mergeCell ref="C3:E3"/>
    <mergeCell ref="F3:H3"/>
    <mergeCell ref="I3:K3"/>
    <mergeCell ref="L3:N3"/>
    <mergeCell ref="A60:B60"/>
    <mergeCell ref="A6:B6"/>
    <mergeCell ref="A25:B25"/>
    <mergeCell ref="A33:B33"/>
    <mergeCell ref="A39:B39"/>
    <mergeCell ref="A40:B40"/>
    <mergeCell ref="A51:B51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2" orientation="portrait" blackAndWhite="1" r:id="rId1"/>
  <headerFooter scaleWithDoc="0"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73"/>
  <sheetViews>
    <sheetView zoomScale="80" zoomScaleNormal="80" workbookViewId="0"/>
  </sheetViews>
  <sheetFormatPr defaultRowHeight="13.5"/>
  <cols>
    <col min="1" max="1" width="2.25" style="151" customWidth="1"/>
    <col min="2" max="2" width="13.25" style="151" customWidth="1"/>
    <col min="3" max="14" width="8.75" style="151" customWidth="1"/>
    <col min="15" max="16384" width="9" style="151"/>
  </cols>
  <sheetData>
    <row r="1" spans="1:17" ht="17.25">
      <c r="A1" s="658" t="s">
        <v>621</v>
      </c>
    </row>
    <row r="2" spans="1:17" s="79" customFormat="1" ht="24.75" customHeight="1" thickBot="1">
      <c r="A2" s="402" t="s">
        <v>622</v>
      </c>
      <c r="B2" s="116"/>
      <c r="C2" s="116"/>
      <c r="D2" s="116"/>
      <c r="E2" s="116"/>
      <c r="F2" s="116"/>
      <c r="G2" s="116"/>
      <c r="H2" s="116"/>
      <c r="I2" s="116"/>
      <c r="J2" s="116"/>
      <c r="K2" s="116"/>
      <c r="M2" s="116" t="s">
        <v>543</v>
      </c>
      <c r="N2" s="78"/>
    </row>
    <row r="3" spans="1:17" s="78" customFormat="1" ht="15" customHeight="1" thickTop="1">
      <c r="A3" s="1051" t="s">
        <v>544</v>
      </c>
      <c r="B3" s="1052"/>
      <c r="C3" s="1055" t="s">
        <v>611</v>
      </c>
      <c r="D3" s="1056"/>
      <c r="E3" s="1057"/>
      <c r="F3" s="1058" t="s">
        <v>612</v>
      </c>
      <c r="G3" s="1059"/>
      <c r="H3" s="1060"/>
      <c r="I3" s="1058" t="s">
        <v>322</v>
      </c>
      <c r="J3" s="1059"/>
      <c r="K3" s="1060"/>
      <c r="L3" s="1058" t="s">
        <v>323</v>
      </c>
      <c r="M3" s="1059"/>
      <c r="N3" s="1059"/>
    </row>
    <row r="4" spans="1:17" s="78" customFormat="1" ht="15" customHeight="1">
      <c r="A4" s="1053"/>
      <c r="B4" s="1054"/>
      <c r="C4" s="403" t="s">
        <v>194</v>
      </c>
      <c r="D4" s="403" t="s">
        <v>498</v>
      </c>
      <c r="E4" s="404" t="s">
        <v>499</v>
      </c>
      <c r="F4" s="405" t="s">
        <v>194</v>
      </c>
      <c r="G4" s="403" t="s">
        <v>498</v>
      </c>
      <c r="H4" s="403" t="s">
        <v>499</v>
      </c>
      <c r="I4" s="406" t="s">
        <v>194</v>
      </c>
      <c r="J4" s="406" t="s">
        <v>498</v>
      </c>
      <c r="K4" s="407" t="s">
        <v>499</v>
      </c>
      <c r="L4" s="405" t="s">
        <v>194</v>
      </c>
      <c r="M4" s="403" t="s">
        <v>498</v>
      </c>
      <c r="N4" s="403" t="s">
        <v>499</v>
      </c>
    </row>
    <row r="5" spans="1:17" s="415" customFormat="1" ht="17.25" customHeight="1">
      <c r="A5" s="408"/>
      <c r="B5" s="409" t="s">
        <v>548</v>
      </c>
      <c r="C5" s="410">
        <v>467971</v>
      </c>
      <c r="D5" s="411">
        <v>251246</v>
      </c>
      <c r="E5" s="412">
        <v>216725</v>
      </c>
      <c r="F5" s="413">
        <v>43372</v>
      </c>
      <c r="G5" s="411">
        <v>22294</v>
      </c>
      <c r="H5" s="411">
        <v>21078</v>
      </c>
      <c r="I5" s="411">
        <v>394049</v>
      </c>
      <c r="J5" s="411">
        <v>215050</v>
      </c>
      <c r="K5" s="411">
        <v>178999</v>
      </c>
      <c r="L5" s="413">
        <v>30549</v>
      </c>
      <c r="M5" s="411">
        <v>13901</v>
      </c>
      <c r="N5" s="413">
        <v>16648</v>
      </c>
      <c r="O5" s="414"/>
    </row>
    <row r="6" spans="1:17" s="415" customFormat="1" ht="17.25" customHeight="1">
      <c r="A6" s="1047" t="s">
        <v>549</v>
      </c>
      <c r="B6" s="1048"/>
      <c r="C6" s="410">
        <v>206891</v>
      </c>
      <c r="D6" s="411">
        <v>110106</v>
      </c>
      <c r="E6" s="412">
        <v>96785</v>
      </c>
      <c r="F6" s="413">
        <v>19969</v>
      </c>
      <c r="G6" s="411">
        <v>10269</v>
      </c>
      <c r="H6" s="411">
        <v>9700</v>
      </c>
      <c r="I6" s="411">
        <v>172594</v>
      </c>
      <c r="J6" s="411">
        <v>93387</v>
      </c>
      <c r="K6" s="412">
        <v>79207</v>
      </c>
      <c r="L6" s="413">
        <v>14328</v>
      </c>
      <c r="M6" s="411">
        <v>6450</v>
      </c>
      <c r="N6" s="413">
        <v>7878</v>
      </c>
      <c r="O6" s="414"/>
    </row>
    <row r="7" spans="1:17" s="78" customFormat="1" ht="15" customHeight="1">
      <c r="A7" s="416"/>
      <c r="B7" s="417" t="s">
        <v>550</v>
      </c>
      <c r="C7" s="418">
        <v>17696</v>
      </c>
      <c r="D7" s="419">
        <v>9898</v>
      </c>
      <c r="E7" s="420">
        <v>7798</v>
      </c>
      <c r="F7" s="391">
        <v>1527</v>
      </c>
      <c r="G7" s="419">
        <v>799</v>
      </c>
      <c r="H7" s="419">
        <v>728</v>
      </c>
      <c r="I7" s="419">
        <v>15098</v>
      </c>
      <c r="J7" s="419">
        <v>8554</v>
      </c>
      <c r="K7" s="419">
        <v>6544</v>
      </c>
      <c r="L7" s="391">
        <v>1071</v>
      </c>
      <c r="M7" s="419">
        <v>545</v>
      </c>
      <c r="N7" s="418">
        <v>526</v>
      </c>
      <c r="O7" s="421"/>
      <c r="Q7" s="116"/>
    </row>
    <row r="8" spans="1:17" s="78" customFormat="1" ht="15" customHeight="1">
      <c r="A8" s="416"/>
      <c r="B8" s="417" t="s">
        <v>551</v>
      </c>
      <c r="C8" s="418">
        <v>16918</v>
      </c>
      <c r="D8" s="419">
        <v>9142</v>
      </c>
      <c r="E8" s="420">
        <v>7776</v>
      </c>
      <c r="F8" s="391">
        <v>1413</v>
      </c>
      <c r="G8" s="419">
        <v>730</v>
      </c>
      <c r="H8" s="419">
        <v>683</v>
      </c>
      <c r="I8" s="419">
        <v>14570</v>
      </c>
      <c r="J8" s="419">
        <v>7998</v>
      </c>
      <c r="K8" s="419">
        <v>6572</v>
      </c>
      <c r="L8" s="391">
        <v>935</v>
      </c>
      <c r="M8" s="419">
        <v>414</v>
      </c>
      <c r="N8" s="418">
        <v>521</v>
      </c>
      <c r="O8" s="421"/>
    </row>
    <row r="9" spans="1:17" s="78" customFormat="1" ht="15" customHeight="1">
      <c r="A9" s="416"/>
      <c r="B9" s="417" t="s">
        <v>552</v>
      </c>
      <c r="C9" s="418">
        <v>8989</v>
      </c>
      <c r="D9" s="419">
        <v>4817</v>
      </c>
      <c r="E9" s="420">
        <v>4172</v>
      </c>
      <c r="F9" s="391">
        <v>797</v>
      </c>
      <c r="G9" s="419">
        <v>413</v>
      </c>
      <c r="H9" s="419">
        <v>384</v>
      </c>
      <c r="I9" s="419">
        <v>7750</v>
      </c>
      <c r="J9" s="419">
        <v>4195</v>
      </c>
      <c r="K9" s="419">
        <v>3555</v>
      </c>
      <c r="L9" s="391">
        <v>442</v>
      </c>
      <c r="M9" s="419">
        <v>209</v>
      </c>
      <c r="N9" s="418">
        <v>233</v>
      </c>
      <c r="O9" s="421"/>
    </row>
    <row r="10" spans="1:17" s="78" customFormat="1" ht="15" customHeight="1">
      <c r="A10" s="416"/>
      <c r="B10" s="422" t="s">
        <v>553</v>
      </c>
      <c r="C10" s="418">
        <v>12146</v>
      </c>
      <c r="D10" s="419">
        <v>6824</v>
      </c>
      <c r="E10" s="420">
        <v>5322</v>
      </c>
      <c r="F10" s="391">
        <v>1126</v>
      </c>
      <c r="G10" s="419">
        <v>588</v>
      </c>
      <c r="H10" s="419">
        <v>538</v>
      </c>
      <c r="I10" s="419">
        <v>10101</v>
      </c>
      <c r="J10" s="419">
        <v>5706</v>
      </c>
      <c r="K10" s="419">
        <v>4395</v>
      </c>
      <c r="L10" s="391">
        <v>919</v>
      </c>
      <c r="M10" s="419">
        <v>530</v>
      </c>
      <c r="N10" s="418">
        <v>389</v>
      </c>
      <c r="O10" s="421"/>
    </row>
    <row r="11" spans="1:17" s="78" customFormat="1" ht="15" customHeight="1">
      <c r="A11" s="416"/>
      <c r="B11" s="422" t="s">
        <v>554</v>
      </c>
      <c r="C11" s="418">
        <v>12588</v>
      </c>
      <c r="D11" s="419">
        <v>6660</v>
      </c>
      <c r="E11" s="420">
        <v>5928</v>
      </c>
      <c r="F11" s="391">
        <v>1027</v>
      </c>
      <c r="G11" s="419">
        <v>515</v>
      </c>
      <c r="H11" s="419">
        <v>512</v>
      </c>
      <c r="I11" s="419">
        <v>10558</v>
      </c>
      <c r="J11" s="419">
        <v>5660</v>
      </c>
      <c r="K11" s="419">
        <v>4898</v>
      </c>
      <c r="L11" s="391">
        <v>1003</v>
      </c>
      <c r="M11" s="419">
        <v>485</v>
      </c>
      <c r="N11" s="418">
        <v>518</v>
      </c>
      <c r="O11" s="421"/>
    </row>
    <row r="12" spans="1:17" s="78" customFormat="1" ht="15" customHeight="1">
      <c r="A12" s="416"/>
      <c r="B12" s="422" t="s">
        <v>555</v>
      </c>
      <c r="C12" s="418">
        <v>11264</v>
      </c>
      <c r="D12" s="419">
        <v>5986</v>
      </c>
      <c r="E12" s="420">
        <v>5278</v>
      </c>
      <c r="F12" s="391">
        <v>889</v>
      </c>
      <c r="G12" s="419">
        <v>441</v>
      </c>
      <c r="H12" s="419">
        <v>448</v>
      </c>
      <c r="I12" s="419">
        <v>9550</v>
      </c>
      <c r="J12" s="419">
        <v>5209</v>
      </c>
      <c r="K12" s="419">
        <v>4341</v>
      </c>
      <c r="L12" s="391">
        <v>825</v>
      </c>
      <c r="M12" s="419">
        <v>336</v>
      </c>
      <c r="N12" s="418">
        <v>489</v>
      </c>
      <c r="O12" s="421"/>
    </row>
    <row r="13" spans="1:17" s="78" customFormat="1" ht="15" customHeight="1">
      <c r="A13" s="416"/>
      <c r="B13" s="422" t="s">
        <v>556</v>
      </c>
      <c r="C13" s="418">
        <v>8788</v>
      </c>
      <c r="D13" s="419">
        <v>4718</v>
      </c>
      <c r="E13" s="420">
        <v>4070</v>
      </c>
      <c r="F13" s="391">
        <v>853</v>
      </c>
      <c r="G13" s="419">
        <v>432</v>
      </c>
      <c r="H13" s="419">
        <v>421</v>
      </c>
      <c r="I13" s="419">
        <v>7110</v>
      </c>
      <c r="J13" s="419">
        <v>3903</v>
      </c>
      <c r="K13" s="419">
        <v>3207</v>
      </c>
      <c r="L13" s="391">
        <v>825</v>
      </c>
      <c r="M13" s="419">
        <v>383</v>
      </c>
      <c r="N13" s="418">
        <v>442</v>
      </c>
      <c r="O13" s="421"/>
    </row>
    <row r="14" spans="1:17" s="78" customFormat="1" ht="15" customHeight="1">
      <c r="A14" s="416"/>
      <c r="B14" s="422" t="s">
        <v>557</v>
      </c>
      <c r="C14" s="418">
        <v>9011</v>
      </c>
      <c r="D14" s="419">
        <v>4773</v>
      </c>
      <c r="E14" s="420">
        <v>4238</v>
      </c>
      <c r="F14" s="391">
        <v>744</v>
      </c>
      <c r="G14" s="419">
        <v>391</v>
      </c>
      <c r="H14" s="419">
        <v>353</v>
      </c>
      <c r="I14" s="419">
        <v>7601</v>
      </c>
      <c r="J14" s="419">
        <v>4092</v>
      </c>
      <c r="K14" s="419">
        <v>3509</v>
      </c>
      <c r="L14" s="391">
        <v>666</v>
      </c>
      <c r="M14" s="419">
        <v>290</v>
      </c>
      <c r="N14" s="418">
        <v>376</v>
      </c>
      <c r="O14" s="421"/>
    </row>
    <row r="15" spans="1:17" s="78" customFormat="1" ht="15" customHeight="1">
      <c r="A15" s="416"/>
      <c r="B15" s="422" t="s">
        <v>558</v>
      </c>
      <c r="C15" s="418">
        <v>23423</v>
      </c>
      <c r="D15" s="419">
        <v>12337</v>
      </c>
      <c r="E15" s="420">
        <v>11086</v>
      </c>
      <c r="F15" s="391">
        <v>2333</v>
      </c>
      <c r="G15" s="419">
        <v>1177</v>
      </c>
      <c r="H15" s="419">
        <v>1156</v>
      </c>
      <c r="I15" s="419">
        <v>19920</v>
      </c>
      <c r="J15" s="419">
        <v>10645</v>
      </c>
      <c r="K15" s="419">
        <v>9275</v>
      </c>
      <c r="L15" s="391">
        <v>1170</v>
      </c>
      <c r="M15" s="419">
        <v>515</v>
      </c>
      <c r="N15" s="418">
        <v>655</v>
      </c>
      <c r="O15" s="421"/>
    </row>
    <row r="16" spans="1:17" s="78" customFormat="1" ht="15" customHeight="1">
      <c r="A16" s="416"/>
      <c r="B16" s="422" t="s">
        <v>559</v>
      </c>
      <c r="C16" s="418">
        <v>12364</v>
      </c>
      <c r="D16" s="419">
        <v>6444</v>
      </c>
      <c r="E16" s="420">
        <v>5920</v>
      </c>
      <c r="F16" s="391">
        <v>1343</v>
      </c>
      <c r="G16" s="419">
        <v>679</v>
      </c>
      <c r="H16" s="419">
        <v>664</v>
      </c>
      <c r="I16" s="419">
        <v>10112</v>
      </c>
      <c r="J16" s="419">
        <v>5391</v>
      </c>
      <c r="K16" s="419">
        <v>4721</v>
      </c>
      <c r="L16" s="391">
        <v>909</v>
      </c>
      <c r="M16" s="419">
        <v>374</v>
      </c>
      <c r="N16" s="418">
        <v>535</v>
      </c>
      <c r="O16" s="421"/>
    </row>
    <row r="17" spans="1:15" s="78" customFormat="1" ht="15" customHeight="1">
      <c r="A17" s="416"/>
      <c r="B17" s="422" t="s">
        <v>560</v>
      </c>
      <c r="C17" s="418">
        <v>9333</v>
      </c>
      <c r="D17" s="419">
        <v>4990</v>
      </c>
      <c r="E17" s="420">
        <v>4343</v>
      </c>
      <c r="F17" s="391">
        <v>787</v>
      </c>
      <c r="G17" s="419">
        <v>427</v>
      </c>
      <c r="H17" s="419">
        <v>360</v>
      </c>
      <c r="I17" s="419">
        <v>7721</v>
      </c>
      <c r="J17" s="419">
        <v>4203</v>
      </c>
      <c r="K17" s="419">
        <v>3518</v>
      </c>
      <c r="L17" s="391">
        <v>825</v>
      </c>
      <c r="M17" s="419">
        <v>360</v>
      </c>
      <c r="N17" s="418">
        <v>465</v>
      </c>
      <c r="O17" s="421"/>
    </row>
    <row r="18" spans="1:15" s="78" customFormat="1" ht="15" customHeight="1">
      <c r="A18" s="416"/>
      <c r="B18" s="422" t="s">
        <v>561</v>
      </c>
      <c r="C18" s="418">
        <v>9657</v>
      </c>
      <c r="D18" s="419">
        <v>5016</v>
      </c>
      <c r="E18" s="420">
        <v>4641</v>
      </c>
      <c r="F18" s="391">
        <v>887</v>
      </c>
      <c r="G18" s="419">
        <v>454</v>
      </c>
      <c r="H18" s="419">
        <v>433</v>
      </c>
      <c r="I18" s="419">
        <v>7858</v>
      </c>
      <c r="J18" s="419">
        <v>4183</v>
      </c>
      <c r="K18" s="419">
        <v>3675</v>
      </c>
      <c r="L18" s="391">
        <v>912</v>
      </c>
      <c r="M18" s="419">
        <v>379</v>
      </c>
      <c r="N18" s="418">
        <v>533</v>
      </c>
      <c r="O18" s="421"/>
    </row>
    <row r="19" spans="1:15" s="78" customFormat="1" ht="15" customHeight="1">
      <c r="A19" s="416"/>
      <c r="B19" s="422" t="s">
        <v>562</v>
      </c>
      <c r="C19" s="418">
        <v>9223</v>
      </c>
      <c r="D19" s="419">
        <v>4760</v>
      </c>
      <c r="E19" s="420">
        <v>4463</v>
      </c>
      <c r="F19" s="391">
        <v>1024</v>
      </c>
      <c r="G19" s="419">
        <v>493</v>
      </c>
      <c r="H19" s="419">
        <v>531</v>
      </c>
      <c r="I19" s="419">
        <v>7544</v>
      </c>
      <c r="J19" s="419">
        <v>3999</v>
      </c>
      <c r="K19" s="419">
        <v>3545</v>
      </c>
      <c r="L19" s="391">
        <v>655</v>
      </c>
      <c r="M19" s="419">
        <v>268</v>
      </c>
      <c r="N19" s="418">
        <v>387</v>
      </c>
      <c r="O19" s="421"/>
    </row>
    <row r="20" spans="1:15" s="78" customFormat="1" ht="15" customHeight="1">
      <c r="A20" s="416"/>
      <c r="B20" s="422" t="s">
        <v>563</v>
      </c>
      <c r="C20" s="418">
        <v>5080</v>
      </c>
      <c r="D20" s="419">
        <v>2666</v>
      </c>
      <c r="E20" s="420">
        <v>2414</v>
      </c>
      <c r="F20" s="391">
        <v>500</v>
      </c>
      <c r="G20" s="419">
        <v>261</v>
      </c>
      <c r="H20" s="419">
        <v>239</v>
      </c>
      <c r="I20" s="419">
        <v>4142</v>
      </c>
      <c r="J20" s="419">
        <v>2225</v>
      </c>
      <c r="K20" s="419">
        <v>1917</v>
      </c>
      <c r="L20" s="391">
        <v>438</v>
      </c>
      <c r="M20" s="419">
        <v>180</v>
      </c>
      <c r="N20" s="418">
        <v>258</v>
      </c>
      <c r="O20" s="421"/>
    </row>
    <row r="21" spans="1:15" s="78" customFormat="1" ht="15" customHeight="1">
      <c r="A21" s="416"/>
      <c r="B21" s="422" t="s">
        <v>564</v>
      </c>
      <c r="C21" s="418">
        <v>5305</v>
      </c>
      <c r="D21" s="419">
        <v>2877</v>
      </c>
      <c r="E21" s="420">
        <v>2428</v>
      </c>
      <c r="F21" s="391">
        <v>501</v>
      </c>
      <c r="G21" s="419">
        <v>253</v>
      </c>
      <c r="H21" s="419">
        <v>248</v>
      </c>
      <c r="I21" s="419">
        <v>4323</v>
      </c>
      <c r="J21" s="419">
        <v>2407</v>
      </c>
      <c r="K21" s="419">
        <v>1916</v>
      </c>
      <c r="L21" s="391">
        <v>481</v>
      </c>
      <c r="M21" s="419">
        <v>217</v>
      </c>
      <c r="N21" s="418">
        <v>264</v>
      </c>
      <c r="O21" s="421"/>
    </row>
    <row r="22" spans="1:15" s="78" customFormat="1" ht="15" customHeight="1">
      <c r="A22" s="416"/>
      <c r="B22" s="422" t="s">
        <v>565</v>
      </c>
      <c r="C22" s="418">
        <v>6154</v>
      </c>
      <c r="D22" s="419">
        <v>3194</v>
      </c>
      <c r="E22" s="420">
        <v>2960</v>
      </c>
      <c r="F22" s="391">
        <v>672</v>
      </c>
      <c r="G22" s="419">
        <v>356</v>
      </c>
      <c r="H22" s="419">
        <v>316</v>
      </c>
      <c r="I22" s="419">
        <v>4971</v>
      </c>
      <c r="J22" s="419">
        <v>2633</v>
      </c>
      <c r="K22" s="419">
        <v>2338</v>
      </c>
      <c r="L22" s="391">
        <v>511</v>
      </c>
      <c r="M22" s="419">
        <v>205</v>
      </c>
      <c r="N22" s="418">
        <v>306</v>
      </c>
      <c r="O22" s="421"/>
    </row>
    <row r="23" spans="1:15" s="78" customFormat="1" ht="15" customHeight="1">
      <c r="A23" s="416"/>
      <c r="B23" s="422" t="s">
        <v>566</v>
      </c>
      <c r="C23" s="418">
        <v>16950</v>
      </c>
      <c r="D23" s="419">
        <v>8714</v>
      </c>
      <c r="E23" s="420">
        <v>8236</v>
      </c>
      <c r="F23" s="391">
        <v>1867</v>
      </c>
      <c r="G23" s="419">
        <v>1007</v>
      </c>
      <c r="H23" s="419">
        <v>860</v>
      </c>
      <c r="I23" s="419">
        <v>14022</v>
      </c>
      <c r="J23" s="419">
        <v>7253</v>
      </c>
      <c r="K23" s="419">
        <v>6769</v>
      </c>
      <c r="L23" s="391">
        <v>1061</v>
      </c>
      <c r="M23" s="419">
        <v>454</v>
      </c>
      <c r="N23" s="418">
        <v>607</v>
      </c>
      <c r="O23" s="421"/>
    </row>
    <row r="24" spans="1:15" s="78" customFormat="1" ht="15" customHeight="1">
      <c r="A24" s="416"/>
      <c r="B24" s="422" t="s">
        <v>567</v>
      </c>
      <c r="C24" s="418">
        <v>12002</v>
      </c>
      <c r="D24" s="419">
        <v>6290</v>
      </c>
      <c r="E24" s="420">
        <v>5712</v>
      </c>
      <c r="F24" s="391">
        <v>1679</v>
      </c>
      <c r="G24" s="419">
        <v>853</v>
      </c>
      <c r="H24" s="419">
        <v>826</v>
      </c>
      <c r="I24" s="419">
        <v>9643</v>
      </c>
      <c r="J24" s="419">
        <v>5131</v>
      </c>
      <c r="K24" s="419">
        <v>4512</v>
      </c>
      <c r="L24" s="391">
        <v>680</v>
      </c>
      <c r="M24" s="419">
        <v>306</v>
      </c>
      <c r="N24" s="418">
        <v>374</v>
      </c>
      <c r="O24" s="421"/>
    </row>
    <row r="25" spans="1:15" s="415" customFormat="1" ht="17.25" customHeight="1">
      <c r="A25" s="1047" t="s">
        <v>568</v>
      </c>
      <c r="B25" s="1048"/>
      <c r="C25" s="410">
        <v>100840</v>
      </c>
      <c r="D25" s="411">
        <v>53923</v>
      </c>
      <c r="E25" s="412">
        <v>46917</v>
      </c>
      <c r="F25" s="413">
        <v>9673</v>
      </c>
      <c r="G25" s="411">
        <v>4963</v>
      </c>
      <c r="H25" s="413">
        <v>4710</v>
      </c>
      <c r="I25" s="411">
        <v>86064</v>
      </c>
      <c r="J25" s="411">
        <v>46529</v>
      </c>
      <c r="K25" s="412">
        <v>39535</v>
      </c>
      <c r="L25" s="413">
        <v>5103</v>
      </c>
      <c r="M25" s="411">
        <v>2431</v>
      </c>
      <c r="N25" s="413">
        <v>2672</v>
      </c>
      <c r="O25" s="414"/>
    </row>
    <row r="26" spans="1:15" s="78" customFormat="1" ht="15" customHeight="1">
      <c r="A26" s="416"/>
      <c r="B26" s="422" t="s">
        <v>569</v>
      </c>
      <c r="C26" s="418">
        <v>14854</v>
      </c>
      <c r="D26" s="419">
        <v>8799</v>
      </c>
      <c r="E26" s="420">
        <v>6055</v>
      </c>
      <c r="F26" s="391">
        <v>1091</v>
      </c>
      <c r="G26" s="419">
        <v>560</v>
      </c>
      <c r="H26" s="419">
        <v>531</v>
      </c>
      <c r="I26" s="419">
        <v>12894</v>
      </c>
      <c r="J26" s="419">
        <v>7757</v>
      </c>
      <c r="K26" s="419">
        <v>5137</v>
      </c>
      <c r="L26" s="391">
        <v>869</v>
      </c>
      <c r="M26" s="419">
        <v>482</v>
      </c>
      <c r="N26" s="418">
        <v>387</v>
      </c>
      <c r="O26" s="421"/>
    </row>
    <row r="27" spans="1:15" s="78" customFormat="1" ht="15" customHeight="1">
      <c r="A27" s="416"/>
      <c r="B27" s="422" t="s">
        <v>570</v>
      </c>
      <c r="C27" s="418">
        <v>10191</v>
      </c>
      <c r="D27" s="419">
        <v>5594</v>
      </c>
      <c r="E27" s="420">
        <v>4597</v>
      </c>
      <c r="F27" s="391">
        <v>1045</v>
      </c>
      <c r="G27" s="419">
        <v>528</v>
      </c>
      <c r="H27" s="419">
        <v>517</v>
      </c>
      <c r="I27" s="419">
        <v>8585</v>
      </c>
      <c r="J27" s="419">
        <v>4798</v>
      </c>
      <c r="K27" s="419">
        <v>3787</v>
      </c>
      <c r="L27" s="391">
        <v>561</v>
      </c>
      <c r="M27" s="419">
        <v>268</v>
      </c>
      <c r="N27" s="418">
        <v>293</v>
      </c>
      <c r="O27" s="421"/>
    </row>
    <row r="28" spans="1:15" s="78" customFormat="1" ht="15" customHeight="1">
      <c r="A28" s="416"/>
      <c r="B28" s="422" t="s">
        <v>571</v>
      </c>
      <c r="C28" s="418">
        <v>21215</v>
      </c>
      <c r="D28" s="419">
        <v>11263</v>
      </c>
      <c r="E28" s="420">
        <v>9952</v>
      </c>
      <c r="F28" s="391">
        <v>2187</v>
      </c>
      <c r="G28" s="419">
        <v>1131</v>
      </c>
      <c r="H28" s="419">
        <v>1056</v>
      </c>
      <c r="I28" s="419">
        <v>18255</v>
      </c>
      <c r="J28" s="419">
        <v>9780</v>
      </c>
      <c r="K28" s="419">
        <v>8475</v>
      </c>
      <c r="L28" s="391">
        <v>773</v>
      </c>
      <c r="M28" s="419">
        <v>352</v>
      </c>
      <c r="N28" s="418">
        <v>421</v>
      </c>
      <c r="O28" s="421"/>
    </row>
    <row r="29" spans="1:15" s="78" customFormat="1" ht="15" customHeight="1">
      <c r="A29" s="416"/>
      <c r="B29" s="422" t="s">
        <v>572</v>
      </c>
      <c r="C29" s="418">
        <v>16288</v>
      </c>
      <c r="D29" s="419">
        <v>8550</v>
      </c>
      <c r="E29" s="420">
        <v>7738</v>
      </c>
      <c r="F29" s="391">
        <v>1632</v>
      </c>
      <c r="G29" s="419">
        <v>830</v>
      </c>
      <c r="H29" s="419">
        <v>802</v>
      </c>
      <c r="I29" s="419">
        <v>13846</v>
      </c>
      <c r="J29" s="419">
        <v>7339</v>
      </c>
      <c r="K29" s="419">
        <v>6507</v>
      </c>
      <c r="L29" s="391">
        <v>810</v>
      </c>
      <c r="M29" s="419">
        <v>381</v>
      </c>
      <c r="N29" s="418">
        <v>429</v>
      </c>
      <c r="O29" s="421"/>
    </row>
    <row r="30" spans="1:15" s="78" customFormat="1" ht="15" customHeight="1">
      <c r="A30" s="416"/>
      <c r="B30" s="422" t="s">
        <v>573</v>
      </c>
      <c r="C30" s="418">
        <v>15423</v>
      </c>
      <c r="D30" s="419">
        <v>8105</v>
      </c>
      <c r="E30" s="420">
        <v>7318</v>
      </c>
      <c r="F30" s="391">
        <v>1187</v>
      </c>
      <c r="G30" s="419">
        <v>606</v>
      </c>
      <c r="H30" s="419">
        <v>581</v>
      </c>
      <c r="I30" s="419">
        <v>13575</v>
      </c>
      <c r="J30" s="419">
        <v>7186</v>
      </c>
      <c r="K30" s="419">
        <v>6389</v>
      </c>
      <c r="L30" s="391">
        <v>661</v>
      </c>
      <c r="M30" s="419">
        <v>313</v>
      </c>
      <c r="N30" s="418">
        <v>348</v>
      </c>
      <c r="O30" s="421"/>
    </row>
    <row r="31" spans="1:15" s="78" customFormat="1" ht="15" customHeight="1">
      <c r="A31" s="416"/>
      <c r="B31" s="422" t="s">
        <v>574</v>
      </c>
      <c r="C31" s="418">
        <v>13167</v>
      </c>
      <c r="D31" s="419">
        <v>6720</v>
      </c>
      <c r="E31" s="420">
        <v>6447</v>
      </c>
      <c r="F31" s="391">
        <v>1501</v>
      </c>
      <c r="G31" s="419">
        <v>768</v>
      </c>
      <c r="H31" s="419">
        <v>733</v>
      </c>
      <c r="I31" s="419">
        <v>10866</v>
      </c>
      <c r="J31" s="419">
        <v>5610</v>
      </c>
      <c r="K31" s="419">
        <v>5256</v>
      </c>
      <c r="L31" s="391">
        <v>800</v>
      </c>
      <c r="M31" s="419">
        <v>342</v>
      </c>
      <c r="N31" s="418">
        <v>458</v>
      </c>
      <c r="O31" s="421"/>
    </row>
    <row r="32" spans="1:15" s="78" customFormat="1" ht="15" customHeight="1">
      <c r="A32" s="416"/>
      <c r="B32" s="422" t="s">
        <v>575</v>
      </c>
      <c r="C32" s="418">
        <v>9702</v>
      </c>
      <c r="D32" s="419">
        <v>4892</v>
      </c>
      <c r="E32" s="420">
        <v>4810</v>
      </c>
      <c r="F32" s="391">
        <v>1030</v>
      </c>
      <c r="G32" s="419">
        <v>540</v>
      </c>
      <c r="H32" s="419">
        <v>490</v>
      </c>
      <c r="I32" s="419">
        <v>8043</v>
      </c>
      <c r="J32" s="419">
        <v>4059</v>
      </c>
      <c r="K32" s="419">
        <v>3984</v>
      </c>
      <c r="L32" s="391">
        <v>629</v>
      </c>
      <c r="M32" s="419">
        <v>293</v>
      </c>
      <c r="N32" s="418">
        <v>336</v>
      </c>
      <c r="O32" s="421"/>
    </row>
    <row r="33" spans="1:15" s="415" customFormat="1" ht="17.25" customHeight="1">
      <c r="A33" s="1045" t="s">
        <v>576</v>
      </c>
      <c r="B33" s="1046"/>
      <c r="C33" s="410">
        <v>27029</v>
      </c>
      <c r="D33" s="411">
        <v>15329</v>
      </c>
      <c r="E33" s="412">
        <v>11700</v>
      </c>
      <c r="F33" s="413">
        <v>2247</v>
      </c>
      <c r="G33" s="411">
        <v>1176</v>
      </c>
      <c r="H33" s="413">
        <v>1071</v>
      </c>
      <c r="I33" s="411">
        <v>22651</v>
      </c>
      <c r="J33" s="411">
        <v>13282</v>
      </c>
      <c r="K33" s="412">
        <v>9369</v>
      </c>
      <c r="L33" s="413">
        <v>2131</v>
      </c>
      <c r="M33" s="411">
        <v>871</v>
      </c>
      <c r="N33" s="413">
        <v>1260</v>
      </c>
      <c r="O33" s="414"/>
    </row>
    <row r="34" spans="1:15" s="78" customFormat="1" ht="15" customHeight="1">
      <c r="A34" s="416"/>
      <c r="B34" s="422" t="s">
        <v>577</v>
      </c>
      <c r="C34" s="418">
        <v>15403</v>
      </c>
      <c r="D34" s="419">
        <v>9558</v>
      </c>
      <c r="E34" s="420">
        <v>5845</v>
      </c>
      <c r="F34" s="391">
        <v>1154</v>
      </c>
      <c r="G34" s="419">
        <v>601</v>
      </c>
      <c r="H34" s="419">
        <v>553</v>
      </c>
      <c r="I34" s="419">
        <v>13324</v>
      </c>
      <c r="J34" s="419">
        <v>8581</v>
      </c>
      <c r="K34" s="419">
        <v>4743</v>
      </c>
      <c r="L34" s="391">
        <v>925</v>
      </c>
      <c r="M34" s="419">
        <v>376</v>
      </c>
      <c r="N34" s="418">
        <v>549</v>
      </c>
      <c r="O34" s="421"/>
    </row>
    <row r="35" spans="1:15" s="78" customFormat="1" ht="15" customHeight="1">
      <c r="A35" s="416"/>
      <c r="B35" s="422" t="s">
        <v>578</v>
      </c>
      <c r="C35" s="418">
        <v>6888</v>
      </c>
      <c r="D35" s="419">
        <v>3386</v>
      </c>
      <c r="E35" s="420">
        <v>3502</v>
      </c>
      <c r="F35" s="391">
        <v>641</v>
      </c>
      <c r="G35" s="419">
        <v>309</v>
      </c>
      <c r="H35" s="419">
        <v>332</v>
      </c>
      <c r="I35" s="419">
        <v>5604</v>
      </c>
      <c r="J35" s="419">
        <v>2810</v>
      </c>
      <c r="K35" s="419">
        <v>2794</v>
      </c>
      <c r="L35" s="391">
        <v>643</v>
      </c>
      <c r="M35" s="419">
        <v>267</v>
      </c>
      <c r="N35" s="418">
        <v>376</v>
      </c>
      <c r="O35" s="421"/>
    </row>
    <row r="36" spans="1:15" s="78" customFormat="1" ht="15" customHeight="1">
      <c r="A36" s="416"/>
      <c r="B36" s="422" t="s">
        <v>579</v>
      </c>
      <c r="C36" s="418">
        <v>2288</v>
      </c>
      <c r="D36" s="419">
        <v>1163</v>
      </c>
      <c r="E36" s="420">
        <v>1125</v>
      </c>
      <c r="F36" s="391">
        <v>217</v>
      </c>
      <c r="G36" s="419">
        <v>134</v>
      </c>
      <c r="H36" s="419">
        <v>83</v>
      </c>
      <c r="I36" s="419">
        <v>1829</v>
      </c>
      <c r="J36" s="419">
        <v>924</v>
      </c>
      <c r="K36" s="419">
        <v>905</v>
      </c>
      <c r="L36" s="391">
        <v>242</v>
      </c>
      <c r="M36" s="419">
        <v>105</v>
      </c>
      <c r="N36" s="418">
        <v>137</v>
      </c>
      <c r="O36" s="421"/>
    </row>
    <row r="37" spans="1:15" s="78" customFormat="1" ht="15" customHeight="1">
      <c r="A37" s="416"/>
      <c r="B37" s="422" t="s">
        <v>580</v>
      </c>
      <c r="C37" s="418">
        <v>1238</v>
      </c>
      <c r="D37" s="419">
        <v>654</v>
      </c>
      <c r="E37" s="420">
        <v>584</v>
      </c>
      <c r="F37" s="391">
        <v>97</v>
      </c>
      <c r="G37" s="419">
        <v>60</v>
      </c>
      <c r="H37" s="419">
        <v>37</v>
      </c>
      <c r="I37" s="419">
        <v>980</v>
      </c>
      <c r="J37" s="419">
        <v>529</v>
      </c>
      <c r="K37" s="419">
        <v>451</v>
      </c>
      <c r="L37" s="391">
        <v>161</v>
      </c>
      <c r="M37" s="419">
        <v>65</v>
      </c>
      <c r="N37" s="418">
        <v>96</v>
      </c>
      <c r="O37" s="421"/>
    </row>
    <row r="38" spans="1:15" s="78" customFormat="1" ht="15" customHeight="1">
      <c r="A38" s="416"/>
      <c r="B38" s="422" t="s">
        <v>581</v>
      </c>
      <c r="C38" s="418">
        <v>1212</v>
      </c>
      <c r="D38" s="419">
        <v>568</v>
      </c>
      <c r="E38" s="420">
        <v>644</v>
      </c>
      <c r="F38" s="391">
        <v>138</v>
      </c>
      <c r="G38" s="419">
        <v>72</v>
      </c>
      <c r="H38" s="419">
        <v>66</v>
      </c>
      <c r="I38" s="419">
        <v>914</v>
      </c>
      <c r="J38" s="419">
        <v>438</v>
      </c>
      <c r="K38" s="419">
        <v>476</v>
      </c>
      <c r="L38" s="391">
        <v>160</v>
      </c>
      <c r="M38" s="419">
        <v>58</v>
      </c>
      <c r="N38" s="418">
        <v>102</v>
      </c>
      <c r="O38" s="421"/>
    </row>
    <row r="39" spans="1:15" s="415" customFormat="1" ht="17.25" customHeight="1">
      <c r="A39" s="1045" t="s">
        <v>617</v>
      </c>
      <c r="B39" s="1046"/>
      <c r="C39" s="410">
        <v>70354</v>
      </c>
      <c r="D39" s="411">
        <v>38526</v>
      </c>
      <c r="E39" s="412">
        <v>31828</v>
      </c>
      <c r="F39" s="413">
        <v>6088</v>
      </c>
      <c r="G39" s="411">
        <v>3113</v>
      </c>
      <c r="H39" s="413">
        <v>2975</v>
      </c>
      <c r="I39" s="411">
        <v>59712</v>
      </c>
      <c r="J39" s="411">
        <v>33290</v>
      </c>
      <c r="K39" s="412">
        <v>26422</v>
      </c>
      <c r="L39" s="413">
        <v>4553</v>
      </c>
      <c r="M39" s="411">
        <v>2122</v>
      </c>
      <c r="N39" s="413">
        <v>2431</v>
      </c>
      <c r="O39" s="414"/>
    </row>
    <row r="40" spans="1:15" s="415" customFormat="1" ht="15" customHeight="1">
      <c r="A40" s="1049" t="s">
        <v>583</v>
      </c>
      <c r="B40" s="1050"/>
      <c r="C40" s="418">
        <v>31769</v>
      </c>
      <c r="D40" s="419">
        <v>16885</v>
      </c>
      <c r="E40" s="420">
        <v>14884</v>
      </c>
      <c r="F40" s="391">
        <v>2613</v>
      </c>
      <c r="G40" s="419">
        <v>1367</v>
      </c>
      <c r="H40" s="419">
        <v>1246</v>
      </c>
      <c r="I40" s="419">
        <v>27105</v>
      </c>
      <c r="J40" s="419">
        <v>14547</v>
      </c>
      <c r="K40" s="419">
        <v>12558</v>
      </c>
      <c r="L40" s="391">
        <v>2051</v>
      </c>
      <c r="M40" s="419">
        <v>971</v>
      </c>
      <c r="N40" s="418">
        <v>1080</v>
      </c>
      <c r="O40" s="423"/>
    </row>
    <row r="41" spans="1:15" s="415" customFormat="1" ht="15" customHeight="1">
      <c r="A41" s="424"/>
      <c r="B41" s="422" t="s">
        <v>584</v>
      </c>
      <c r="C41" s="418">
        <v>7007</v>
      </c>
      <c r="D41" s="419">
        <v>3731</v>
      </c>
      <c r="E41" s="420">
        <v>3276</v>
      </c>
      <c r="F41" s="391">
        <v>572</v>
      </c>
      <c r="G41" s="419">
        <v>298</v>
      </c>
      <c r="H41" s="419">
        <v>274</v>
      </c>
      <c r="I41" s="419">
        <v>5979</v>
      </c>
      <c r="J41" s="419">
        <v>3217</v>
      </c>
      <c r="K41" s="419">
        <v>2762</v>
      </c>
      <c r="L41" s="391">
        <v>456</v>
      </c>
      <c r="M41" s="419">
        <v>216</v>
      </c>
      <c r="N41" s="418">
        <v>240</v>
      </c>
      <c r="O41" s="423"/>
    </row>
    <row r="42" spans="1:15" s="415" customFormat="1" ht="15" customHeight="1">
      <c r="A42" s="424"/>
      <c r="B42" s="422" t="s">
        <v>585</v>
      </c>
      <c r="C42" s="418">
        <v>11345</v>
      </c>
      <c r="D42" s="419">
        <v>6162</v>
      </c>
      <c r="E42" s="420">
        <v>5183</v>
      </c>
      <c r="F42" s="391">
        <v>922</v>
      </c>
      <c r="G42" s="419">
        <v>477</v>
      </c>
      <c r="H42" s="419">
        <v>445</v>
      </c>
      <c r="I42" s="419">
        <v>9684</v>
      </c>
      <c r="J42" s="419">
        <v>5330</v>
      </c>
      <c r="K42" s="419">
        <v>4354</v>
      </c>
      <c r="L42" s="391">
        <v>739</v>
      </c>
      <c r="M42" s="419">
        <v>355</v>
      </c>
      <c r="N42" s="418">
        <v>384</v>
      </c>
      <c r="O42" s="423"/>
    </row>
    <row r="43" spans="1:15" s="415" customFormat="1" ht="15" customHeight="1">
      <c r="A43" s="424"/>
      <c r="B43" s="425" t="s">
        <v>586</v>
      </c>
      <c r="C43" s="418">
        <v>13417</v>
      </c>
      <c r="D43" s="419">
        <v>6992</v>
      </c>
      <c r="E43" s="420">
        <v>6425</v>
      </c>
      <c r="F43" s="426">
        <v>1119</v>
      </c>
      <c r="G43" s="427">
        <v>592</v>
      </c>
      <c r="H43" s="427">
        <v>527</v>
      </c>
      <c r="I43" s="427">
        <v>11442</v>
      </c>
      <c r="J43" s="427">
        <v>6000</v>
      </c>
      <c r="K43" s="427">
        <v>5442</v>
      </c>
      <c r="L43" s="426">
        <v>856</v>
      </c>
      <c r="M43" s="427">
        <v>400</v>
      </c>
      <c r="N43" s="428">
        <v>456</v>
      </c>
      <c r="O43" s="423"/>
    </row>
    <row r="44" spans="1:15" s="78" customFormat="1" ht="15" customHeight="1">
      <c r="A44" s="416"/>
      <c r="B44" s="422" t="s">
        <v>587</v>
      </c>
      <c r="C44" s="418">
        <v>9473</v>
      </c>
      <c r="D44" s="419">
        <v>5594</v>
      </c>
      <c r="E44" s="420">
        <v>3879</v>
      </c>
      <c r="F44" s="391">
        <v>774</v>
      </c>
      <c r="G44" s="419">
        <v>377</v>
      </c>
      <c r="H44" s="419">
        <v>397</v>
      </c>
      <c r="I44" s="419">
        <v>8146</v>
      </c>
      <c r="J44" s="419">
        <v>4947</v>
      </c>
      <c r="K44" s="419">
        <v>3199</v>
      </c>
      <c r="L44" s="391">
        <v>553</v>
      </c>
      <c r="M44" s="419">
        <v>270</v>
      </c>
      <c r="N44" s="418">
        <v>283</v>
      </c>
      <c r="O44" s="421"/>
    </row>
    <row r="45" spans="1:15" s="78" customFormat="1" ht="15" customHeight="1">
      <c r="A45" s="416"/>
      <c r="B45" s="422" t="s">
        <v>588</v>
      </c>
      <c r="C45" s="418">
        <v>11469</v>
      </c>
      <c r="D45" s="419">
        <v>6185</v>
      </c>
      <c r="E45" s="420">
        <v>5284</v>
      </c>
      <c r="F45" s="391">
        <v>954</v>
      </c>
      <c r="G45" s="419">
        <v>477</v>
      </c>
      <c r="H45" s="419">
        <v>477</v>
      </c>
      <c r="I45" s="419">
        <v>9808</v>
      </c>
      <c r="J45" s="419">
        <v>5376</v>
      </c>
      <c r="K45" s="419">
        <v>4432</v>
      </c>
      <c r="L45" s="391">
        <v>707</v>
      </c>
      <c r="M45" s="419">
        <v>332</v>
      </c>
      <c r="N45" s="418">
        <v>375</v>
      </c>
      <c r="O45" s="421"/>
    </row>
    <row r="46" spans="1:15" s="78" customFormat="1" ht="15" customHeight="1">
      <c r="A46" s="416"/>
      <c r="B46" s="422" t="s">
        <v>589</v>
      </c>
      <c r="C46" s="418">
        <v>5762</v>
      </c>
      <c r="D46" s="419">
        <v>3150</v>
      </c>
      <c r="E46" s="420">
        <v>2612</v>
      </c>
      <c r="F46" s="391">
        <v>596</v>
      </c>
      <c r="G46" s="419">
        <v>307</v>
      </c>
      <c r="H46" s="419">
        <v>289</v>
      </c>
      <c r="I46" s="419">
        <v>4839</v>
      </c>
      <c r="J46" s="419">
        <v>2696</v>
      </c>
      <c r="K46" s="419">
        <v>2143</v>
      </c>
      <c r="L46" s="391">
        <v>327</v>
      </c>
      <c r="M46" s="419">
        <v>147</v>
      </c>
      <c r="N46" s="418">
        <v>180</v>
      </c>
      <c r="O46" s="421"/>
    </row>
    <row r="47" spans="1:15" s="78" customFormat="1" ht="15" customHeight="1">
      <c r="A47" s="416"/>
      <c r="B47" s="422" t="s">
        <v>590</v>
      </c>
      <c r="C47" s="418">
        <v>6131</v>
      </c>
      <c r="D47" s="419">
        <v>3321</v>
      </c>
      <c r="E47" s="420">
        <v>2810</v>
      </c>
      <c r="F47" s="391">
        <v>581</v>
      </c>
      <c r="G47" s="419">
        <v>287</v>
      </c>
      <c r="H47" s="419">
        <v>294</v>
      </c>
      <c r="I47" s="419">
        <v>5099</v>
      </c>
      <c r="J47" s="419">
        <v>2838</v>
      </c>
      <c r="K47" s="419">
        <v>2261</v>
      </c>
      <c r="L47" s="391">
        <v>451</v>
      </c>
      <c r="M47" s="419">
        <v>196</v>
      </c>
      <c r="N47" s="418">
        <v>255</v>
      </c>
      <c r="O47" s="421"/>
    </row>
    <row r="48" spans="1:15" s="78" customFormat="1" ht="15" customHeight="1">
      <c r="A48" s="416"/>
      <c r="B48" s="422" t="s">
        <v>591</v>
      </c>
      <c r="C48" s="418">
        <v>4002</v>
      </c>
      <c r="D48" s="419">
        <v>2318</v>
      </c>
      <c r="E48" s="420">
        <v>1684</v>
      </c>
      <c r="F48" s="391">
        <v>414</v>
      </c>
      <c r="G48" s="419">
        <v>223</v>
      </c>
      <c r="H48" s="419">
        <v>191</v>
      </c>
      <c r="I48" s="419">
        <v>3227</v>
      </c>
      <c r="J48" s="419">
        <v>1944</v>
      </c>
      <c r="K48" s="419">
        <v>1283</v>
      </c>
      <c r="L48" s="391">
        <v>361</v>
      </c>
      <c r="M48" s="419">
        <v>151</v>
      </c>
      <c r="N48" s="418">
        <v>210</v>
      </c>
      <c r="O48" s="421"/>
    </row>
    <row r="49" spans="1:18" s="78" customFormat="1" ht="15" customHeight="1">
      <c r="A49" s="416"/>
      <c r="B49" s="422" t="s">
        <v>592</v>
      </c>
      <c r="C49" s="418">
        <v>1672</v>
      </c>
      <c r="D49" s="419">
        <v>1034</v>
      </c>
      <c r="E49" s="420">
        <v>638</v>
      </c>
      <c r="F49" s="391">
        <v>144</v>
      </c>
      <c r="G49" s="419">
        <v>71</v>
      </c>
      <c r="H49" s="419">
        <v>73</v>
      </c>
      <c r="I49" s="419">
        <v>1435</v>
      </c>
      <c r="J49" s="419">
        <v>914</v>
      </c>
      <c r="K49" s="419">
        <v>521</v>
      </c>
      <c r="L49" s="391">
        <v>92</v>
      </c>
      <c r="M49" s="419">
        <v>48</v>
      </c>
      <c r="N49" s="418">
        <v>44</v>
      </c>
      <c r="O49" s="421"/>
    </row>
    <row r="50" spans="1:18" s="78" customFormat="1" ht="15" customHeight="1">
      <c r="A50" s="416"/>
      <c r="B50" s="422" t="s">
        <v>304</v>
      </c>
      <c r="C50" s="418">
        <v>76</v>
      </c>
      <c r="D50" s="419">
        <v>39</v>
      </c>
      <c r="E50" s="420">
        <v>37</v>
      </c>
      <c r="F50" s="391">
        <v>12</v>
      </c>
      <c r="G50" s="419">
        <v>4</v>
      </c>
      <c r="H50" s="419">
        <v>8</v>
      </c>
      <c r="I50" s="419">
        <v>53</v>
      </c>
      <c r="J50" s="419">
        <v>28</v>
      </c>
      <c r="K50" s="419">
        <v>25</v>
      </c>
      <c r="L50" s="391">
        <v>11</v>
      </c>
      <c r="M50" s="419">
        <v>7</v>
      </c>
      <c r="N50" s="418">
        <v>4</v>
      </c>
      <c r="O50" s="421"/>
    </row>
    <row r="51" spans="1:18" s="415" customFormat="1" ht="17.25" customHeight="1">
      <c r="A51" s="1045" t="s">
        <v>618</v>
      </c>
      <c r="B51" s="1046"/>
      <c r="C51" s="410">
        <v>49200</v>
      </c>
      <c r="D51" s="411">
        <v>26678</v>
      </c>
      <c r="E51" s="412">
        <v>22522</v>
      </c>
      <c r="F51" s="413">
        <v>4402</v>
      </c>
      <c r="G51" s="411">
        <v>2260</v>
      </c>
      <c r="H51" s="413">
        <v>2142</v>
      </c>
      <c r="I51" s="411">
        <v>41403</v>
      </c>
      <c r="J51" s="411">
        <v>22857</v>
      </c>
      <c r="K51" s="412">
        <v>18546</v>
      </c>
      <c r="L51" s="413">
        <v>3395</v>
      </c>
      <c r="M51" s="411">
        <v>1561</v>
      </c>
      <c r="N51" s="413">
        <v>1834</v>
      </c>
      <c r="O51" s="414"/>
    </row>
    <row r="52" spans="1:18" s="78" customFormat="1" ht="15" customHeight="1">
      <c r="A52" s="416"/>
      <c r="B52" s="422" t="s">
        <v>594</v>
      </c>
      <c r="C52" s="418">
        <v>8371</v>
      </c>
      <c r="D52" s="419">
        <v>4591</v>
      </c>
      <c r="E52" s="420">
        <v>3780</v>
      </c>
      <c r="F52" s="391">
        <v>776</v>
      </c>
      <c r="G52" s="419">
        <v>412</v>
      </c>
      <c r="H52" s="419">
        <v>364</v>
      </c>
      <c r="I52" s="419">
        <v>7135</v>
      </c>
      <c r="J52" s="419">
        <v>3969</v>
      </c>
      <c r="K52" s="419">
        <v>3166</v>
      </c>
      <c r="L52" s="391">
        <v>460</v>
      </c>
      <c r="M52" s="419">
        <v>210</v>
      </c>
      <c r="N52" s="418">
        <v>250</v>
      </c>
      <c r="O52" s="429"/>
    </row>
    <row r="53" spans="1:18" s="78" customFormat="1" ht="15" customHeight="1">
      <c r="A53" s="416"/>
      <c r="B53" s="422" t="s">
        <v>294</v>
      </c>
      <c r="C53" s="418">
        <v>18021</v>
      </c>
      <c r="D53" s="419">
        <v>9824</v>
      </c>
      <c r="E53" s="420">
        <v>8197</v>
      </c>
      <c r="F53" s="391">
        <v>1660</v>
      </c>
      <c r="G53" s="419">
        <v>845</v>
      </c>
      <c r="H53" s="419">
        <v>815</v>
      </c>
      <c r="I53" s="419">
        <v>15218</v>
      </c>
      <c r="J53" s="419">
        <v>8449</v>
      </c>
      <c r="K53" s="419">
        <v>6769</v>
      </c>
      <c r="L53" s="391">
        <v>1143</v>
      </c>
      <c r="M53" s="419">
        <v>530</v>
      </c>
      <c r="N53" s="418">
        <v>613</v>
      </c>
      <c r="O53" s="429"/>
    </row>
    <row r="54" spans="1:18" s="78" customFormat="1" ht="15" customHeight="1">
      <c r="A54" s="416"/>
      <c r="B54" s="422" t="s">
        <v>595</v>
      </c>
      <c r="C54" s="418">
        <v>8490</v>
      </c>
      <c r="D54" s="419">
        <v>4317</v>
      </c>
      <c r="E54" s="420">
        <v>4173</v>
      </c>
      <c r="F54" s="391">
        <v>802</v>
      </c>
      <c r="G54" s="419">
        <v>395</v>
      </c>
      <c r="H54" s="419">
        <v>407</v>
      </c>
      <c r="I54" s="419">
        <v>6961</v>
      </c>
      <c r="J54" s="419">
        <v>3600</v>
      </c>
      <c r="K54" s="419">
        <v>3361</v>
      </c>
      <c r="L54" s="391">
        <v>727</v>
      </c>
      <c r="M54" s="419">
        <v>322</v>
      </c>
      <c r="N54" s="418">
        <v>405</v>
      </c>
      <c r="O54" s="429"/>
    </row>
    <row r="55" spans="1:18" s="78" customFormat="1" ht="15" customHeight="1">
      <c r="A55" s="416"/>
      <c r="B55" s="422" t="s">
        <v>596</v>
      </c>
      <c r="C55" s="418">
        <v>5689</v>
      </c>
      <c r="D55" s="419">
        <v>3191</v>
      </c>
      <c r="E55" s="420">
        <v>2498</v>
      </c>
      <c r="F55" s="391">
        <v>404</v>
      </c>
      <c r="G55" s="419">
        <v>212</v>
      </c>
      <c r="H55" s="419">
        <v>192</v>
      </c>
      <c r="I55" s="419">
        <v>4848</v>
      </c>
      <c r="J55" s="419">
        <v>2766</v>
      </c>
      <c r="K55" s="419">
        <v>2082</v>
      </c>
      <c r="L55" s="391">
        <v>437</v>
      </c>
      <c r="M55" s="419">
        <v>213</v>
      </c>
      <c r="N55" s="418">
        <v>224</v>
      </c>
      <c r="O55" s="429"/>
    </row>
    <row r="56" spans="1:18" s="78" customFormat="1" ht="15" customHeight="1">
      <c r="A56" s="416"/>
      <c r="B56" s="422" t="s">
        <v>597</v>
      </c>
      <c r="C56" s="418">
        <v>4638</v>
      </c>
      <c r="D56" s="419">
        <v>2620</v>
      </c>
      <c r="E56" s="420">
        <v>2018</v>
      </c>
      <c r="F56" s="391">
        <v>393</v>
      </c>
      <c r="G56" s="419">
        <v>207</v>
      </c>
      <c r="H56" s="419">
        <v>186</v>
      </c>
      <c r="I56" s="419">
        <v>3998</v>
      </c>
      <c r="J56" s="419">
        <v>2288</v>
      </c>
      <c r="K56" s="419">
        <v>1710</v>
      </c>
      <c r="L56" s="391">
        <v>247</v>
      </c>
      <c r="M56" s="419">
        <v>125</v>
      </c>
      <c r="N56" s="418">
        <v>122</v>
      </c>
      <c r="O56" s="429"/>
    </row>
    <row r="57" spans="1:18" s="78" customFormat="1" ht="15" customHeight="1">
      <c r="A57" s="416"/>
      <c r="B57" s="422" t="s">
        <v>598</v>
      </c>
      <c r="C57" s="418">
        <v>2021</v>
      </c>
      <c r="D57" s="419">
        <v>1098</v>
      </c>
      <c r="E57" s="420">
        <v>923</v>
      </c>
      <c r="F57" s="391">
        <v>177</v>
      </c>
      <c r="G57" s="419">
        <v>90</v>
      </c>
      <c r="H57" s="419">
        <v>87</v>
      </c>
      <c r="I57" s="419">
        <v>1696</v>
      </c>
      <c r="J57" s="419">
        <v>948</v>
      </c>
      <c r="K57" s="419">
        <v>748</v>
      </c>
      <c r="L57" s="391">
        <v>148</v>
      </c>
      <c r="M57" s="419">
        <v>60</v>
      </c>
      <c r="N57" s="418">
        <v>88</v>
      </c>
      <c r="O57" s="429"/>
    </row>
    <row r="58" spans="1:18" s="78" customFormat="1" ht="15" customHeight="1">
      <c r="A58" s="416"/>
      <c r="B58" s="422" t="s">
        <v>599</v>
      </c>
      <c r="C58" s="418">
        <v>1062</v>
      </c>
      <c r="D58" s="419">
        <v>576</v>
      </c>
      <c r="E58" s="420">
        <v>486</v>
      </c>
      <c r="F58" s="391">
        <v>102</v>
      </c>
      <c r="G58" s="419">
        <v>60</v>
      </c>
      <c r="H58" s="419">
        <v>42</v>
      </c>
      <c r="I58" s="419">
        <v>818</v>
      </c>
      <c r="J58" s="419">
        <v>454</v>
      </c>
      <c r="K58" s="419">
        <v>364</v>
      </c>
      <c r="L58" s="391">
        <v>142</v>
      </c>
      <c r="M58" s="419">
        <v>62</v>
      </c>
      <c r="N58" s="418">
        <v>80</v>
      </c>
      <c r="O58" s="429"/>
    </row>
    <row r="59" spans="1:18" s="78" customFormat="1" ht="15" customHeight="1">
      <c r="A59" s="416"/>
      <c r="B59" s="422" t="s">
        <v>600</v>
      </c>
      <c r="C59" s="418">
        <v>908</v>
      </c>
      <c r="D59" s="419">
        <v>461</v>
      </c>
      <c r="E59" s="420">
        <v>447</v>
      </c>
      <c r="F59" s="391">
        <v>88</v>
      </c>
      <c r="G59" s="419">
        <v>39</v>
      </c>
      <c r="H59" s="419">
        <v>49</v>
      </c>
      <c r="I59" s="419">
        <v>729</v>
      </c>
      <c r="J59" s="419">
        <v>383</v>
      </c>
      <c r="K59" s="419">
        <v>346</v>
      </c>
      <c r="L59" s="391">
        <v>91</v>
      </c>
      <c r="M59" s="419">
        <v>39</v>
      </c>
      <c r="N59" s="418">
        <v>52</v>
      </c>
      <c r="O59" s="429"/>
    </row>
    <row r="60" spans="1:18" s="415" customFormat="1" ht="17.25" customHeight="1">
      <c r="A60" s="1045" t="s">
        <v>619</v>
      </c>
      <c r="B60" s="1046"/>
      <c r="C60" s="410">
        <v>13657</v>
      </c>
      <c r="D60" s="411">
        <v>6684</v>
      </c>
      <c r="E60" s="412">
        <v>6973</v>
      </c>
      <c r="F60" s="413">
        <v>993</v>
      </c>
      <c r="G60" s="411">
        <v>513</v>
      </c>
      <c r="H60" s="411">
        <v>480</v>
      </c>
      <c r="I60" s="411">
        <v>11625</v>
      </c>
      <c r="J60" s="411">
        <v>5705</v>
      </c>
      <c r="K60" s="411">
        <v>5920</v>
      </c>
      <c r="L60" s="413">
        <v>1039</v>
      </c>
      <c r="M60" s="411">
        <v>466</v>
      </c>
      <c r="N60" s="410">
        <v>573</v>
      </c>
      <c r="O60" s="414"/>
    </row>
    <row r="61" spans="1:18" s="78" customFormat="1" ht="15" customHeight="1">
      <c r="A61" s="416"/>
      <c r="B61" s="422" t="s">
        <v>602</v>
      </c>
      <c r="C61" s="418">
        <v>7102</v>
      </c>
      <c r="D61" s="419">
        <v>3664</v>
      </c>
      <c r="E61" s="420">
        <v>3438</v>
      </c>
      <c r="F61" s="391">
        <v>525</v>
      </c>
      <c r="G61" s="419">
        <v>276</v>
      </c>
      <c r="H61" s="419">
        <v>249</v>
      </c>
      <c r="I61" s="419">
        <v>6117</v>
      </c>
      <c r="J61" s="419">
        <v>3177</v>
      </c>
      <c r="K61" s="419">
        <v>2940</v>
      </c>
      <c r="L61" s="391">
        <v>460</v>
      </c>
      <c r="M61" s="419">
        <v>211</v>
      </c>
      <c r="N61" s="418">
        <v>249</v>
      </c>
      <c r="O61" s="421"/>
    </row>
    <row r="62" spans="1:18" s="78" customFormat="1" ht="15" customHeight="1">
      <c r="A62" s="416"/>
      <c r="B62" s="422" t="s">
        <v>603</v>
      </c>
      <c r="C62" s="418">
        <v>1311</v>
      </c>
      <c r="D62" s="419">
        <v>659</v>
      </c>
      <c r="E62" s="420">
        <v>652</v>
      </c>
      <c r="F62" s="391">
        <v>117</v>
      </c>
      <c r="G62" s="419">
        <v>53</v>
      </c>
      <c r="H62" s="419">
        <v>64</v>
      </c>
      <c r="I62" s="419">
        <v>1093</v>
      </c>
      <c r="J62" s="419">
        <v>568</v>
      </c>
      <c r="K62" s="419">
        <v>525</v>
      </c>
      <c r="L62" s="391">
        <v>101</v>
      </c>
      <c r="M62" s="419">
        <v>38</v>
      </c>
      <c r="N62" s="418">
        <v>63</v>
      </c>
      <c r="O62" s="421"/>
      <c r="R62" s="78" t="s">
        <v>623</v>
      </c>
    </row>
    <row r="63" spans="1:18" s="78" customFormat="1" ht="15" customHeight="1">
      <c r="A63" s="416"/>
      <c r="B63" s="422" t="s">
        <v>604</v>
      </c>
      <c r="C63" s="418">
        <v>262</v>
      </c>
      <c r="D63" s="419">
        <v>149</v>
      </c>
      <c r="E63" s="420">
        <v>113</v>
      </c>
      <c r="F63" s="391">
        <v>11</v>
      </c>
      <c r="G63" s="419">
        <v>7</v>
      </c>
      <c r="H63" s="419">
        <v>4</v>
      </c>
      <c r="I63" s="419">
        <v>235</v>
      </c>
      <c r="J63" s="419">
        <v>135</v>
      </c>
      <c r="K63" s="419">
        <v>100</v>
      </c>
      <c r="L63" s="391">
        <v>16</v>
      </c>
      <c r="M63" s="419">
        <v>7</v>
      </c>
      <c r="N63" s="418">
        <v>9</v>
      </c>
      <c r="O63" s="421"/>
    </row>
    <row r="64" spans="1:18" s="78" customFormat="1" ht="15" customHeight="1">
      <c r="A64" s="416"/>
      <c r="B64" s="422" t="s">
        <v>605</v>
      </c>
      <c r="C64" s="418">
        <v>619</v>
      </c>
      <c r="D64" s="419">
        <v>315</v>
      </c>
      <c r="E64" s="420">
        <v>304</v>
      </c>
      <c r="F64" s="391">
        <v>63</v>
      </c>
      <c r="G64" s="419">
        <v>31</v>
      </c>
      <c r="H64" s="419">
        <v>32</v>
      </c>
      <c r="I64" s="419">
        <v>523</v>
      </c>
      <c r="J64" s="419">
        <v>268</v>
      </c>
      <c r="K64" s="419">
        <v>255</v>
      </c>
      <c r="L64" s="391">
        <v>33</v>
      </c>
      <c r="M64" s="419">
        <v>16</v>
      </c>
      <c r="N64" s="418">
        <v>17</v>
      </c>
      <c r="O64" s="421"/>
    </row>
    <row r="65" spans="1:17" s="78" customFormat="1" ht="15" customHeight="1">
      <c r="A65" s="416"/>
      <c r="B65" s="422" t="s">
        <v>606</v>
      </c>
      <c r="C65" s="418">
        <v>927</v>
      </c>
      <c r="D65" s="419">
        <v>243</v>
      </c>
      <c r="E65" s="420">
        <v>684</v>
      </c>
      <c r="F65" s="391">
        <v>38</v>
      </c>
      <c r="G65" s="419">
        <v>18</v>
      </c>
      <c r="H65" s="419">
        <v>20</v>
      </c>
      <c r="I65" s="419">
        <v>850</v>
      </c>
      <c r="J65" s="419">
        <v>205</v>
      </c>
      <c r="K65" s="419">
        <v>645</v>
      </c>
      <c r="L65" s="391">
        <v>39</v>
      </c>
      <c r="M65" s="419">
        <v>20</v>
      </c>
      <c r="N65" s="418">
        <v>19</v>
      </c>
      <c r="O65" s="421"/>
    </row>
    <row r="66" spans="1:17" s="78" customFormat="1" ht="15" customHeight="1">
      <c r="A66" s="416"/>
      <c r="B66" s="422" t="s">
        <v>295</v>
      </c>
      <c r="C66" s="418">
        <v>294</v>
      </c>
      <c r="D66" s="419">
        <v>157</v>
      </c>
      <c r="E66" s="420">
        <v>137</v>
      </c>
      <c r="F66" s="391">
        <v>18</v>
      </c>
      <c r="G66" s="419">
        <v>12</v>
      </c>
      <c r="H66" s="419">
        <v>6</v>
      </c>
      <c r="I66" s="419">
        <v>244</v>
      </c>
      <c r="J66" s="419">
        <v>128</v>
      </c>
      <c r="K66" s="419">
        <v>116</v>
      </c>
      <c r="L66" s="391">
        <v>32</v>
      </c>
      <c r="M66" s="419">
        <v>17</v>
      </c>
      <c r="N66" s="418">
        <v>15</v>
      </c>
      <c r="O66" s="421"/>
    </row>
    <row r="67" spans="1:17" s="78" customFormat="1" ht="15" customHeight="1">
      <c r="A67" s="416"/>
      <c r="B67" s="422" t="s">
        <v>607</v>
      </c>
      <c r="C67" s="418">
        <v>658</v>
      </c>
      <c r="D67" s="419">
        <v>350</v>
      </c>
      <c r="E67" s="420">
        <v>308</v>
      </c>
      <c r="F67" s="391">
        <v>75</v>
      </c>
      <c r="G67" s="419">
        <v>38</v>
      </c>
      <c r="H67" s="419">
        <v>37</v>
      </c>
      <c r="I67" s="419">
        <v>537</v>
      </c>
      <c r="J67" s="419">
        <v>290</v>
      </c>
      <c r="K67" s="419">
        <v>247</v>
      </c>
      <c r="L67" s="391">
        <v>46</v>
      </c>
      <c r="M67" s="419">
        <v>22</v>
      </c>
      <c r="N67" s="418">
        <v>24</v>
      </c>
      <c r="O67" s="421"/>
    </row>
    <row r="68" spans="1:17" s="78" customFormat="1" ht="15" customHeight="1">
      <c r="A68" s="416"/>
      <c r="B68" s="422" t="s">
        <v>287</v>
      </c>
      <c r="C68" s="418">
        <v>1195</v>
      </c>
      <c r="D68" s="419">
        <v>561</v>
      </c>
      <c r="E68" s="420">
        <v>634</v>
      </c>
      <c r="F68" s="391">
        <v>60</v>
      </c>
      <c r="G68" s="419">
        <v>34</v>
      </c>
      <c r="H68" s="419">
        <v>26</v>
      </c>
      <c r="I68" s="419">
        <v>1018</v>
      </c>
      <c r="J68" s="419">
        <v>466</v>
      </c>
      <c r="K68" s="419">
        <v>552</v>
      </c>
      <c r="L68" s="391">
        <v>117</v>
      </c>
      <c r="M68" s="419">
        <v>61</v>
      </c>
      <c r="N68" s="418">
        <v>56</v>
      </c>
      <c r="O68" s="429"/>
      <c r="Q68" s="116"/>
    </row>
    <row r="69" spans="1:17" s="78" customFormat="1" ht="15" customHeight="1">
      <c r="A69" s="416"/>
      <c r="B69" s="422" t="s">
        <v>289</v>
      </c>
      <c r="C69" s="418">
        <v>215</v>
      </c>
      <c r="D69" s="419">
        <v>99</v>
      </c>
      <c r="E69" s="420">
        <v>116</v>
      </c>
      <c r="F69" s="391">
        <v>21</v>
      </c>
      <c r="G69" s="419">
        <v>9</v>
      </c>
      <c r="H69" s="419">
        <v>12</v>
      </c>
      <c r="I69" s="419">
        <v>164</v>
      </c>
      <c r="J69" s="419">
        <v>80</v>
      </c>
      <c r="K69" s="419">
        <v>84</v>
      </c>
      <c r="L69" s="391">
        <v>30</v>
      </c>
      <c r="M69" s="419">
        <v>10</v>
      </c>
      <c r="N69" s="418">
        <v>20</v>
      </c>
      <c r="O69" s="429"/>
    </row>
    <row r="70" spans="1:17" s="78" customFormat="1" ht="15" customHeight="1">
      <c r="A70" s="416"/>
      <c r="B70" s="422" t="s">
        <v>291</v>
      </c>
      <c r="C70" s="418">
        <v>1074</v>
      </c>
      <c r="D70" s="419">
        <v>487</v>
      </c>
      <c r="E70" s="420">
        <v>587</v>
      </c>
      <c r="F70" s="391">
        <v>65</v>
      </c>
      <c r="G70" s="419">
        <v>35</v>
      </c>
      <c r="H70" s="419">
        <v>30</v>
      </c>
      <c r="I70" s="419">
        <v>844</v>
      </c>
      <c r="J70" s="419">
        <v>388</v>
      </c>
      <c r="K70" s="419">
        <v>456</v>
      </c>
      <c r="L70" s="391">
        <v>165</v>
      </c>
      <c r="M70" s="419">
        <v>64</v>
      </c>
      <c r="N70" s="418">
        <v>101</v>
      </c>
      <c r="O70" s="429"/>
    </row>
    <row r="71" spans="1:17" s="78" customFormat="1" ht="11.25" customHeight="1" thickBot="1">
      <c r="A71" s="430"/>
      <c r="B71" s="431"/>
      <c r="C71" s="392"/>
      <c r="D71" s="393"/>
      <c r="E71" s="394"/>
      <c r="F71" s="395"/>
      <c r="G71" s="393"/>
      <c r="H71" s="393"/>
      <c r="I71" s="393"/>
      <c r="J71" s="393"/>
      <c r="K71" s="394"/>
      <c r="L71" s="395"/>
      <c r="M71" s="393"/>
      <c r="N71" s="392"/>
      <c r="O71" s="116"/>
    </row>
    <row r="72" spans="1:17" ht="9" customHeight="1" thickTop="1"/>
    <row r="73" spans="1:17" ht="15" customHeight="1">
      <c r="B73" s="388" t="s">
        <v>620</v>
      </c>
    </row>
  </sheetData>
  <mergeCells count="12">
    <mergeCell ref="A3:B4"/>
    <mergeCell ref="C3:E3"/>
    <mergeCell ref="F3:H3"/>
    <mergeCell ref="I3:K3"/>
    <mergeCell ref="L3:N3"/>
    <mergeCell ref="A60:B60"/>
    <mergeCell ref="A6:B6"/>
    <mergeCell ref="A25:B25"/>
    <mergeCell ref="A33:B33"/>
    <mergeCell ref="A39:B39"/>
    <mergeCell ref="A40:B40"/>
    <mergeCell ref="A51:B51"/>
  </mergeCells>
  <phoneticPr fontId="2"/>
  <printOptions horizontalCentered="1" gridLinesSet="0"/>
  <pageMargins left="0.70866141732283472" right="0.70866141732283472" top="0.70866141732283472" bottom="0.70866141732283472" header="0" footer="0.19685039370078741"/>
  <pageSetup paperSize="9" scale="72" orientation="portrait" blackAndWhite="1" r:id="rId1"/>
  <headerFooter scaleWithDoc="0"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38"/>
  <sheetViews>
    <sheetView zoomScaleNormal="100" workbookViewId="0"/>
  </sheetViews>
  <sheetFormatPr defaultColWidth="9" defaultRowHeight="13.5"/>
  <cols>
    <col min="1" max="1" width="3.75" style="5" customWidth="1"/>
    <col min="2" max="2" width="0.625" style="5" customWidth="1"/>
    <col min="3" max="3" width="10.625" style="5" customWidth="1"/>
    <col min="4" max="4" width="0.625" style="5" customWidth="1"/>
    <col min="5" max="8" width="11.875" style="5" customWidth="1"/>
    <col min="9" max="11" width="8.125" style="5" customWidth="1"/>
    <col min="12" max="12" width="9" style="5"/>
    <col min="13" max="13" width="10.375" style="5" bestFit="1" customWidth="1"/>
    <col min="14" max="16384" width="9" style="5"/>
  </cols>
  <sheetData>
    <row r="1" spans="1:13" ht="15" customHeight="1" thickBot="1">
      <c r="A1" s="720" t="s">
        <v>145</v>
      </c>
      <c r="B1" s="694"/>
      <c r="C1" s="694"/>
      <c r="D1" s="694"/>
      <c r="E1" s="694"/>
      <c r="F1" s="694"/>
      <c r="G1" s="694"/>
      <c r="H1" s="694"/>
      <c r="I1" s="721"/>
    </row>
    <row r="2" spans="1:13" ht="14.25" thickTop="1">
      <c r="A2" s="14"/>
      <c r="B2" s="14"/>
      <c r="C2" s="14"/>
      <c r="D2" s="14"/>
      <c r="E2" s="964" t="s">
        <v>146</v>
      </c>
      <c r="F2" s="965"/>
      <c r="G2" s="965"/>
      <c r="H2" s="966"/>
      <c r="I2" s="965" t="s">
        <v>49</v>
      </c>
      <c r="J2" s="965"/>
      <c r="K2" s="965"/>
    </row>
    <row r="3" spans="1:13" ht="13.5" customHeight="1">
      <c r="A3" s="4"/>
      <c r="B3" s="4"/>
      <c r="C3" s="722" t="s">
        <v>147</v>
      </c>
      <c r="D3" s="722"/>
      <c r="E3" s="967" t="s">
        <v>52</v>
      </c>
      <c r="F3" s="98" t="s">
        <v>4</v>
      </c>
      <c r="G3" s="98" t="s">
        <v>5</v>
      </c>
      <c r="H3" s="844" t="s">
        <v>0</v>
      </c>
      <c r="I3" s="969" t="s">
        <v>148</v>
      </c>
      <c r="J3" s="969" t="s">
        <v>149</v>
      </c>
      <c r="K3" s="969" t="s">
        <v>150</v>
      </c>
    </row>
    <row r="4" spans="1:13">
      <c r="A4" s="723"/>
      <c r="B4" s="723"/>
      <c r="C4" s="723"/>
      <c r="D4" s="723"/>
      <c r="E4" s="968"/>
      <c r="F4" s="724" t="s">
        <v>30</v>
      </c>
      <c r="G4" s="724" t="s">
        <v>151</v>
      </c>
      <c r="H4" s="845" t="s">
        <v>152</v>
      </c>
      <c r="I4" s="970"/>
      <c r="J4" s="970"/>
      <c r="K4" s="970"/>
    </row>
    <row r="5" spans="1:13" ht="15" customHeight="1">
      <c r="A5" s="725"/>
      <c r="B5" s="45"/>
      <c r="C5" s="25" t="s">
        <v>153</v>
      </c>
      <c r="D5" s="726"/>
      <c r="E5" s="727" t="s">
        <v>10</v>
      </c>
      <c r="F5" s="728" t="s">
        <v>10</v>
      </c>
      <c r="G5" s="728" t="s">
        <v>10</v>
      </c>
      <c r="H5" s="846" t="s">
        <v>10</v>
      </c>
      <c r="I5" s="728" t="s">
        <v>12</v>
      </c>
      <c r="J5" s="728" t="s">
        <v>12</v>
      </c>
      <c r="K5" s="728" t="s">
        <v>12</v>
      </c>
      <c r="M5" s="729"/>
    </row>
    <row r="6" spans="1:13" ht="15" customHeight="1">
      <c r="A6" s="960" t="s">
        <v>154</v>
      </c>
      <c r="B6" s="730"/>
      <c r="C6" s="701" t="s">
        <v>155</v>
      </c>
      <c r="D6" s="731"/>
      <c r="E6" s="732">
        <v>9227901</v>
      </c>
      <c r="F6" s="733">
        <v>1047478</v>
      </c>
      <c r="G6" s="733">
        <v>5640059</v>
      </c>
      <c r="H6" s="847">
        <v>2326294</v>
      </c>
      <c r="I6" s="734">
        <v>11.620785878945368</v>
      </c>
      <c r="J6" s="734">
        <v>62.571164247477014</v>
      </c>
      <c r="K6" s="734">
        <v>25.808049873577616</v>
      </c>
    </row>
    <row r="7" spans="1:13" ht="15" customHeight="1">
      <c r="A7" s="961"/>
      <c r="B7" s="730"/>
      <c r="C7" s="6"/>
      <c r="D7" s="735"/>
      <c r="E7" s="736"/>
      <c r="F7" s="737"/>
      <c r="G7" s="737"/>
      <c r="H7" s="848"/>
      <c r="I7" s="738"/>
      <c r="J7" s="738"/>
      <c r="K7" s="738"/>
    </row>
    <row r="8" spans="1:13" ht="15" customHeight="1">
      <c r="A8" s="961"/>
      <c r="B8" s="730"/>
      <c r="C8" s="95" t="s">
        <v>156</v>
      </c>
      <c r="D8" s="739"/>
      <c r="E8" s="736">
        <v>3769595</v>
      </c>
      <c r="F8" s="737">
        <v>426683</v>
      </c>
      <c r="G8" s="737">
        <v>2316736</v>
      </c>
      <c r="H8" s="848">
        <v>927387</v>
      </c>
      <c r="I8" s="738">
        <v>11.623687004979288</v>
      </c>
      <c r="J8" s="738">
        <v>63.112460860094487</v>
      </c>
      <c r="K8" s="738">
        <v>25.263852134926225</v>
      </c>
    </row>
    <row r="9" spans="1:13" ht="15" customHeight="1">
      <c r="A9" s="961"/>
      <c r="B9" s="730"/>
      <c r="C9" s="95" t="s">
        <v>157</v>
      </c>
      <c r="D9" s="739"/>
      <c r="E9" s="736">
        <v>1540516</v>
      </c>
      <c r="F9" s="737">
        <v>182751</v>
      </c>
      <c r="G9" s="737">
        <v>1006826</v>
      </c>
      <c r="H9" s="848">
        <v>304589</v>
      </c>
      <c r="I9" s="738">
        <v>12.23097032056679</v>
      </c>
      <c r="J9" s="738">
        <v>67.383811437283399</v>
      </c>
      <c r="K9" s="738">
        <v>20.385218242149801</v>
      </c>
    </row>
    <row r="10" spans="1:13" ht="15" customHeight="1">
      <c r="A10" s="961"/>
      <c r="B10" s="740"/>
      <c r="C10" s="95" t="s">
        <v>158</v>
      </c>
      <c r="D10" s="739"/>
      <c r="E10" s="736">
        <v>679613</v>
      </c>
      <c r="F10" s="737">
        <v>69840</v>
      </c>
      <c r="G10" s="737">
        <v>385221</v>
      </c>
      <c r="H10" s="848">
        <v>220737</v>
      </c>
      <c r="I10" s="738">
        <v>10.334449051343745</v>
      </c>
      <c r="J10" s="738">
        <v>57.002388287624406</v>
      </c>
      <c r="K10" s="738">
        <v>32.663162661031848</v>
      </c>
    </row>
    <row r="11" spans="1:13" ht="15" customHeight="1">
      <c r="A11" s="961"/>
      <c r="B11" s="740"/>
      <c r="C11" s="95" t="s">
        <v>159</v>
      </c>
      <c r="D11" s="739"/>
      <c r="E11" s="736">
        <v>1590272</v>
      </c>
      <c r="F11" s="737">
        <v>179899</v>
      </c>
      <c r="G11" s="737">
        <v>963189</v>
      </c>
      <c r="H11" s="848">
        <v>408423</v>
      </c>
      <c r="I11" s="738">
        <v>11.595083760282717</v>
      </c>
      <c r="J11" s="738">
        <v>62.080707130017117</v>
      </c>
      <c r="K11" s="738">
        <v>26.32420910970016</v>
      </c>
    </row>
    <row r="12" spans="1:13" ht="15" customHeight="1">
      <c r="A12" s="961"/>
      <c r="B12" s="740"/>
      <c r="C12" s="95" t="s">
        <v>160</v>
      </c>
      <c r="D12" s="739"/>
      <c r="E12" s="736">
        <v>1315618</v>
      </c>
      <c r="F12" s="737">
        <v>154713</v>
      </c>
      <c r="G12" s="737">
        <v>782373</v>
      </c>
      <c r="H12" s="848">
        <v>357238</v>
      </c>
      <c r="I12" s="738">
        <v>11.953189464152716</v>
      </c>
      <c r="J12" s="738">
        <v>60.446456992221421</v>
      </c>
      <c r="K12" s="738">
        <v>27.600353543625861</v>
      </c>
    </row>
    <row r="13" spans="1:13" ht="15" customHeight="1">
      <c r="A13" s="961"/>
      <c r="B13" s="740"/>
      <c r="C13" s="95" t="s">
        <v>161</v>
      </c>
      <c r="D13" s="739"/>
      <c r="E13" s="736">
        <v>332287</v>
      </c>
      <c r="F13" s="737">
        <v>33592</v>
      </c>
      <c r="G13" s="737">
        <v>185714</v>
      </c>
      <c r="H13" s="848">
        <v>107920</v>
      </c>
      <c r="I13" s="738">
        <v>10.265687934332847</v>
      </c>
      <c r="J13" s="738">
        <v>56.754047661249409</v>
      </c>
      <c r="K13" s="738">
        <v>32.980264404417738</v>
      </c>
    </row>
    <row r="14" spans="1:13" ht="11.25" customHeight="1" thickBot="1">
      <c r="A14" s="741"/>
      <c r="B14" s="740"/>
      <c r="C14" s="95"/>
      <c r="D14" s="739"/>
      <c r="E14" s="736"/>
      <c r="F14" s="737"/>
      <c r="G14" s="737"/>
      <c r="H14" s="848"/>
      <c r="I14" s="738"/>
      <c r="J14" s="738"/>
      <c r="K14" s="738"/>
    </row>
    <row r="15" spans="1:13" ht="15" customHeight="1" thickTop="1">
      <c r="A15" s="725"/>
      <c r="B15" s="742"/>
      <c r="C15" s="743" t="s">
        <v>162</v>
      </c>
      <c r="D15" s="744"/>
      <c r="E15" s="34" t="s">
        <v>10</v>
      </c>
      <c r="F15" s="743" t="s">
        <v>10</v>
      </c>
      <c r="G15" s="743" t="s">
        <v>10</v>
      </c>
      <c r="H15" s="744" t="s">
        <v>10</v>
      </c>
      <c r="I15" s="743" t="s">
        <v>82</v>
      </c>
      <c r="J15" s="743" t="s">
        <v>82</v>
      </c>
      <c r="K15" s="743" t="s">
        <v>82</v>
      </c>
    </row>
    <row r="16" spans="1:13" ht="15" customHeight="1">
      <c r="A16" s="960" t="s">
        <v>163</v>
      </c>
      <c r="B16" s="730"/>
      <c r="C16" s="701" t="s">
        <v>155</v>
      </c>
      <c r="D16" s="731"/>
      <c r="E16" s="732">
        <v>9231177</v>
      </c>
      <c r="F16" s="745">
        <v>1065999</v>
      </c>
      <c r="G16" s="745">
        <v>5627097</v>
      </c>
      <c r="H16" s="847">
        <v>2324007</v>
      </c>
      <c r="I16" s="734">
        <v>11.821967654134593</v>
      </c>
      <c r="J16" s="734">
        <v>62.404710248956896</v>
      </c>
      <c r="K16" s="734">
        <v>25.773322096908508</v>
      </c>
    </row>
    <row r="17" spans="1:11" ht="15" customHeight="1">
      <c r="A17" s="961"/>
      <c r="B17" s="730"/>
      <c r="C17" s="6"/>
      <c r="D17" s="735"/>
      <c r="E17" s="736"/>
      <c r="F17" s="737"/>
      <c r="G17" s="737"/>
      <c r="H17" s="848"/>
      <c r="I17" s="738"/>
      <c r="J17" s="738"/>
      <c r="K17" s="738"/>
    </row>
    <row r="18" spans="1:11" ht="15" customHeight="1">
      <c r="A18" s="961"/>
      <c r="B18" s="730"/>
      <c r="C18" s="95" t="s">
        <v>156</v>
      </c>
      <c r="D18" s="739"/>
      <c r="E18" s="736">
        <v>3772029</v>
      </c>
      <c r="F18" s="737">
        <v>434150</v>
      </c>
      <c r="G18" s="737">
        <v>2312834</v>
      </c>
      <c r="H18" s="848">
        <v>926256</v>
      </c>
      <c r="I18" s="738">
        <v>11.819265825265978</v>
      </c>
      <c r="J18" s="738">
        <v>62.964412888893726</v>
      </c>
      <c r="K18" s="738">
        <v>25.216321285840294</v>
      </c>
    </row>
    <row r="19" spans="1:11" ht="15" customHeight="1">
      <c r="A19" s="961"/>
      <c r="B19" s="730"/>
      <c r="C19" s="95" t="s">
        <v>157</v>
      </c>
      <c r="D19" s="739"/>
      <c r="E19" s="736">
        <v>1538825</v>
      </c>
      <c r="F19" s="737">
        <v>186286</v>
      </c>
      <c r="G19" s="737">
        <v>1002490</v>
      </c>
      <c r="H19" s="848">
        <v>303699</v>
      </c>
      <c r="I19" s="738">
        <v>12.481683110269854</v>
      </c>
      <c r="J19" s="738">
        <v>67.169634332233372</v>
      </c>
      <c r="K19" s="738">
        <v>20.348682557496776</v>
      </c>
    </row>
    <row r="20" spans="1:11" ht="15" customHeight="1">
      <c r="A20" s="961"/>
      <c r="B20" s="740"/>
      <c r="C20" s="95" t="s">
        <v>158</v>
      </c>
      <c r="D20" s="739"/>
      <c r="E20" s="736">
        <v>685839</v>
      </c>
      <c r="F20" s="737">
        <v>71884</v>
      </c>
      <c r="G20" s="737">
        <v>387756</v>
      </c>
      <c r="H20" s="848">
        <v>222384</v>
      </c>
      <c r="I20" s="738">
        <v>10.539805050848651</v>
      </c>
      <c r="J20" s="738">
        <v>56.853717757732866</v>
      </c>
      <c r="K20" s="738">
        <v>32.606477191418485</v>
      </c>
    </row>
    <row r="21" spans="1:11" ht="15" customHeight="1">
      <c r="A21" s="961"/>
      <c r="B21" s="740"/>
      <c r="C21" s="95" t="s">
        <v>159</v>
      </c>
      <c r="D21" s="739"/>
      <c r="E21" s="736">
        <v>1586768</v>
      </c>
      <c r="F21" s="737">
        <v>182382</v>
      </c>
      <c r="G21" s="737">
        <v>958242</v>
      </c>
      <c r="H21" s="848">
        <v>407382</v>
      </c>
      <c r="I21" s="738">
        <v>11.781737280088061</v>
      </c>
      <c r="J21" s="738">
        <v>61.901698055433897</v>
      </c>
      <c r="K21" s="738">
        <v>26.316564664478044</v>
      </c>
    </row>
    <row r="22" spans="1:11" ht="15" customHeight="1">
      <c r="A22" s="961"/>
      <c r="B22" s="740"/>
      <c r="C22" s="95" t="s">
        <v>160</v>
      </c>
      <c r="D22" s="739"/>
      <c r="E22" s="736">
        <v>1313636</v>
      </c>
      <c r="F22" s="737">
        <v>156927</v>
      </c>
      <c r="G22" s="737">
        <v>779098</v>
      </c>
      <c r="H22" s="848">
        <v>356316</v>
      </c>
      <c r="I22" s="738">
        <v>12.142847746840811</v>
      </c>
      <c r="J22" s="738">
        <v>60.285791443589574</v>
      </c>
      <c r="K22" s="738">
        <v>27.571360809569612</v>
      </c>
    </row>
    <row r="23" spans="1:11" ht="15" customHeight="1">
      <c r="A23" s="961"/>
      <c r="B23" s="740"/>
      <c r="C23" s="95" t="s">
        <v>161</v>
      </c>
      <c r="D23" s="739"/>
      <c r="E23" s="736">
        <v>334080</v>
      </c>
      <c r="F23" s="737">
        <v>34370</v>
      </c>
      <c r="G23" s="737">
        <v>186677</v>
      </c>
      <c r="H23" s="848">
        <v>107970</v>
      </c>
      <c r="I23" s="738">
        <v>10.446268733834422</v>
      </c>
      <c r="J23" s="738">
        <v>56.737797742973775</v>
      </c>
      <c r="K23" s="738">
        <v>32.815933523191809</v>
      </c>
    </row>
    <row r="24" spans="1:11" ht="11.25" customHeight="1" thickBot="1">
      <c r="A24" s="746"/>
      <c r="B24" s="740"/>
      <c r="C24" s="95"/>
      <c r="D24" s="739"/>
      <c r="E24" s="747"/>
      <c r="F24" s="748"/>
      <c r="G24" s="748"/>
      <c r="H24" s="849"/>
      <c r="I24" s="749"/>
      <c r="J24" s="749"/>
      <c r="K24" s="749"/>
    </row>
    <row r="25" spans="1:11" ht="15" customHeight="1" thickTop="1">
      <c r="A25" s="962" t="s">
        <v>164</v>
      </c>
      <c r="B25" s="750"/>
      <c r="C25" s="743" t="s">
        <v>165</v>
      </c>
      <c r="D25" s="744"/>
      <c r="E25" s="34" t="s">
        <v>10</v>
      </c>
      <c r="F25" s="743" t="s">
        <v>10</v>
      </c>
      <c r="G25" s="743" t="s">
        <v>10</v>
      </c>
      <c r="H25" s="744" t="s">
        <v>10</v>
      </c>
      <c r="I25" s="743" t="s">
        <v>166</v>
      </c>
      <c r="J25" s="743" t="s">
        <v>166</v>
      </c>
      <c r="K25" s="743" t="s">
        <v>166</v>
      </c>
    </row>
    <row r="26" spans="1:11" ht="15" customHeight="1">
      <c r="A26" s="963"/>
      <c r="B26" s="730"/>
      <c r="C26" s="701" t="s">
        <v>155</v>
      </c>
      <c r="D26" s="731"/>
      <c r="E26" s="732">
        <v>-3276</v>
      </c>
      <c r="F26" s="733">
        <v>-18521</v>
      </c>
      <c r="G26" s="733">
        <v>12962</v>
      </c>
      <c r="H26" s="847">
        <v>2287</v>
      </c>
      <c r="I26" s="751">
        <v>-0.20118177518922487</v>
      </c>
      <c r="J26" s="751">
        <v>0.16645399852011877</v>
      </c>
      <c r="K26" s="751">
        <v>3.4727776669107868E-2</v>
      </c>
    </row>
    <row r="27" spans="1:11" ht="15" customHeight="1">
      <c r="A27" s="963"/>
      <c r="B27" s="740"/>
      <c r="C27" s="6"/>
      <c r="D27" s="735"/>
      <c r="E27" s="752"/>
      <c r="F27" s="753"/>
      <c r="G27" s="753"/>
      <c r="H27" s="850"/>
      <c r="I27" s="751"/>
      <c r="J27" s="751"/>
      <c r="K27" s="751"/>
    </row>
    <row r="28" spans="1:11" ht="15" customHeight="1">
      <c r="A28" s="963"/>
      <c r="B28" s="730"/>
      <c r="C28" s="95" t="s">
        <v>156</v>
      </c>
      <c r="D28" s="739"/>
      <c r="E28" s="747">
        <v>-2434</v>
      </c>
      <c r="F28" s="96">
        <v>-7467</v>
      </c>
      <c r="G28" s="96">
        <v>3902</v>
      </c>
      <c r="H28" s="849">
        <v>1131</v>
      </c>
      <c r="I28" s="754">
        <v>-0.19557882028668949</v>
      </c>
      <c r="J28" s="754">
        <v>0.14804797120076074</v>
      </c>
      <c r="K28" s="754">
        <v>4.7530849085930527E-2</v>
      </c>
    </row>
    <row r="29" spans="1:11" ht="15" customHeight="1">
      <c r="A29" s="963"/>
      <c r="B29" s="730"/>
      <c r="C29" s="95" t="s">
        <v>157</v>
      </c>
      <c r="D29" s="739"/>
      <c r="E29" s="747">
        <v>1691</v>
      </c>
      <c r="F29" s="96">
        <v>-3535</v>
      </c>
      <c r="G29" s="96">
        <v>4336</v>
      </c>
      <c r="H29" s="849">
        <v>890</v>
      </c>
      <c r="I29" s="754">
        <v>-0.25071278970306388</v>
      </c>
      <c r="J29" s="754">
        <v>0.21417710505002674</v>
      </c>
      <c r="K29" s="754">
        <v>3.6535684653024703E-2</v>
      </c>
    </row>
    <row r="30" spans="1:11" ht="15" customHeight="1">
      <c r="A30" s="963"/>
      <c r="B30" s="740"/>
      <c r="C30" s="95" t="s">
        <v>158</v>
      </c>
      <c r="D30" s="739"/>
      <c r="E30" s="747">
        <v>-6226</v>
      </c>
      <c r="F30" s="748">
        <v>-2044</v>
      </c>
      <c r="G30" s="748">
        <v>-2535</v>
      </c>
      <c r="H30" s="849">
        <v>-1647</v>
      </c>
      <c r="I30" s="754">
        <v>-0.20535599950490635</v>
      </c>
      <c r="J30" s="755">
        <v>0.14867052989153962</v>
      </c>
      <c r="K30" s="754">
        <v>5.6685469613363182E-2</v>
      </c>
    </row>
    <row r="31" spans="1:11" ht="15" customHeight="1">
      <c r="A31" s="963"/>
      <c r="B31" s="730"/>
      <c r="C31" s="95" t="s">
        <v>159</v>
      </c>
      <c r="D31" s="739"/>
      <c r="E31" s="747">
        <v>3504</v>
      </c>
      <c r="F31" s="748">
        <v>-2483</v>
      </c>
      <c r="G31" s="748">
        <v>4947</v>
      </c>
      <c r="H31" s="849">
        <v>1041</v>
      </c>
      <c r="I31" s="754">
        <v>-0.18665351980534339</v>
      </c>
      <c r="J31" s="754">
        <v>0.17900907458322024</v>
      </c>
      <c r="K31" s="754">
        <v>7.6444452221160475E-3</v>
      </c>
    </row>
    <row r="32" spans="1:11" ht="15" customHeight="1">
      <c r="A32" s="963"/>
      <c r="B32" s="730"/>
      <c r="C32" s="95" t="s">
        <v>160</v>
      </c>
      <c r="D32" s="739"/>
      <c r="E32" s="747">
        <v>1982</v>
      </c>
      <c r="F32" s="748">
        <v>-2214</v>
      </c>
      <c r="G32" s="748">
        <v>3275</v>
      </c>
      <c r="H32" s="849">
        <v>922</v>
      </c>
      <c r="I32" s="754">
        <v>-0.18965828268809481</v>
      </c>
      <c r="J32" s="754">
        <v>0.16066554863184734</v>
      </c>
      <c r="K32" s="754">
        <v>2.8992734056249247E-2</v>
      </c>
    </row>
    <row r="33" spans="1:11" ht="15" customHeight="1">
      <c r="A33" s="963"/>
      <c r="B33" s="730"/>
      <c r="C33" s="95" t="s">
        <v>161</v>
      </c>
      <c r="D33" s="739"/>
      <c r="E33" s="747">
        <v>-1793</v>
      </c>
      <c r="F33" s="748">
        <v>-778</v>
      </c>
      <c r="G33" s="748">
        <v>-963</v>
      </c>
      <c r="H33" s="849">
        <v>-50</v>
      </c>
      <c r="I33" s="754">
        <v>-0.18058079950157513</v>
      </c>
      <c r="J33" s="754">
        <v>1.624991827563349E-2</v>
      </c>
      <c r="K33" s="754">
        <v>0.1643308812259292</v>
      </c>
    </row>
    <row r="34" spans="1:11" ht="11.25" customHeight="1" thickBot="1">
      <c r="A34" s="93"/>
      <c r="B34" s="756"/>
      <c r="C34" s="715"/>
      <c r="D34" s="757"/>
      <c r="E34" s="758"/>
      <c r="F34" s="759"/>
      <c r="G34" s="759"/>
      <c r="H34" s="851"/>
      <c r="I34" s="760"/>
      <c r="J34" s="760"/>
      <c r="K34" s="760"/>
    </row>
    <row r="35" spans="1:11" ht="9" customHeight="1" thickTop="1">
      <c r="A35" s="94"/>
      <c r="B35" s="94"/>
      <c r="C35" s="95"/>
      <c r="D35" s="95"/>
      <c r="E35" s="96"/>
      <c r="F35" s="96"/>
      <c r="G35" s="96"/>
      <c r="H35" s="96"/>
      <c r="I35" s="97"/>
      <c r="J35" s="97"/>
      <c r="K35" s="97"/>
    </row>
    <row r="36" spans="1:11">
      <c r="A36" s="30" t="s">
        <v>86</v>
      </c>
      <c r="B36" s="4"/>
      <c r="C36" s="4"/>
      <c r="D36" s="4"/>
      <c r="E36" s="4"/>
      <c r="F36" s="4"/>
      <c r="G36" s="4"/>
      <c r="H36" s="4"/>
      <c r="I36" s="4"/>
      <c r="J36" s="4"/>
      <c r="K36" s="4"/>
    </row>
    <row r="37" spans="1:11">
      <c r="A37" s="30" t="s">
        <v>167</v>
      </c>
      <c r="B37" s="4"/>
      <c r="D37" s="4"/>
      <c r="E37" s="4"/>
      <c r="F37" s="4"/>
      <c r="G37" s="4"/>
      <c r="H37" s="4"/>
      <c r="I37" s="4"/>
      <c r="J37" s="4"/>
      <c r="K37" s="4"/>
    </row>
    <row r="38" spans="1:11">
      <c r="A38" s="32" t="s">
        <v>168</v>
      </c>
      <c r="B38" s="4"/>
      <c r="D38" s="4"/>
      <c r="E38" s="4"/>
      <c r="F38" s="4"/>
      <c r="G38" s="4"/>
      <c r="H38" s="4"/>
      <c r="I38" s="4"/>
      <c r="J38" s="4"/>
      <c r="K38" s="4"/>
    </row>
  </sheetData>
  <mergeCells count="9">
    <mergeCell ref="A6:A13"/>
    <mergeCell ref="A16:A23"/>
    <mergeCell ref="A25:A33"/>
    <mergeCell ref="E2:H2"/>
    <mergeCell ref="I2:K2"/>
    <mergeCell ref="E3:E4"/>
    <mergeCell ref="I3:I4"/>
    <mergeCell ref="J3:J4"/>
    <mergeCell ref="K3:K4"/>
  </mergeCells>
  <phoneticPr fontId="2"/>
  <printOptions horizontalCentered="1"/>
  <pageMargins left="0.70866141732283472" right="0.70866141732283472" top="0.70866141732283472" bottom="0.70866141732283472" header="0.31496062992125984" footer="0.19685039370078741"/>
  <pageSetup paperSize="9" scale="92" orientation="portrait" blackAndWhite="1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17"/>
  <sheetViews>
    <sheetView zoomScaleNormal="100" workbookViewId="0"/>
  </sheetViews>
  <sheetFormatPr defaultColWidth="9" defaultRowHeight="13.5"/>
  <cols>
    <col min="1" max="1" width="11.75" style="5" customWidth="1"/>
    <col min="2" max="12" width="8.625" style="5" customWidth="1"/>
    <col min="13" max="16384" width="9" style="5"/>
  </cols>
  <sheetData>
    <row r="1" spans="1:13" ht="15" thickBot="1">
      <c r="A1" s="693" t="s">
        <v>169</v>
      </c>
      <c r="B1" s="694"/>
      <c r="C1" s="694"/>
      <c r="D1" s="694"/>
      <c r="E1" s="694"/>
      <c r="F1" s="694"/>
      <c r="G1" s="694"/>
      <c r="H1" s="694"/>
      <c r="I1" s="694"/>
    </row>
    <row r="2" spans="1:13" s="4" customFormat="1" ht="15.75" customHeight="1" thickTop="1">
      <c r="A2" s="971" t="s">
        <v>147</v>
      </c>
      <c r="B2" s="974" t="s">
        <v>170</v>
      </c>
      <c r="C2" s="975"/>
      <c r="D2" s="975"/>
      <c r="E2" s="976"/>
      <c r="F2" s="974" t="s">
        <v>171</v>
      </c>
      <c r="G2" s="975"/>
      <c r="H2" s="975"/>
      <c r="I2" s="976"/>
      <c r="J2" s="974" t="s">
        <v>172</v>
      </c>
      <c r="K2" s="975"/>
      <c r="L2" s="975"/>
    </row>
    <row r="3" spans="1:13" s="4" customFormat="1" ht="12">
      <c r="A3" s="972"/>
      <c r="B3" s="695" t="s">
        <v>173</v>
      </c>
      <c r="C3" s="695" t="s">
        <v>43</v>
      </c>
      <c r="D3" s="695" t="s">
        <v>44</v>
      </c>
      <c r="E3" s="695" t="s">
        <v>174</v>
      </c>
      <c r="F3" s="695" t="s">
        <v>173</v>
      </c>
      <c r="G3" s="695" t="s">
        <v>43</v>
      </c>
      <c r="H3" s="695" t="s">
        <v>44</v>
      </c>
      <c r="I3" s="695" t="s">
        <v>174</v>
      </c>
      <c r="J3" s="695" t="s">
        <v>173</v>
      </c>
      <c r="K3" s="695" t="s">
        <v>43</v>
      </c>
      <c r="L3" s="696" t="s">
        <v>44</v>
      </c>
    </row>
    <row r="4" spans="1:13" s="4" customFormat="1" ht="12">
      <c r="A4" s="973"/>
      <c r="B4" s="697"/>
      <c r="C4" s="698" t="s">
        <v>175</v>
      </c>
      <c r="D4" s="698" t="s">
        <v>176</v>
      </c>
      <c r="E4" s="698" t="s">
        <v>177</v>
      </c>
      <c r="F4" s="698"/>
      <c r="G4" s="698" t="s">
        <v>178</v>
      </c>
      <c r="H4" s="698" t="s">
        <v>179</v>
      </c>
      <c r="I4" s="698" t="s">
        <v>180</v>
      </c>
      <c r="J4" s="697"/>
      <c r="K4" s="697"/>
      <c r="L4" s="699"/>
    </row>
    <row r="5" spans="1:13" s="4" customFormat="1" ht="12">
      <c r="A5" s="98"/>
      <c r="B5" s="11" t="s">
        <v>181</v>
      </c>
      <c r="C5" s="11" t="s">
        <v>182</v>
      </c>
      <c r="D5" s="11" t="s">
        <v>182</v>
      </c>
      <c r="E5" s="11" t="s">
        <v>182</v>
      </c>
      <c r="F5" s="11" t="s">
        <v>181</v>
      </c>
      <c r="G5" s="11" t="s">
        <v>182</v>
      </c>
      <c r="H5" s="11" t="s">
        <v>182</v>
      </c>
      <c r="I5" s="11" t="s">
        <v>182</v>
      </c>
      <c r="J5" s="11" t="s">
        <v>182</v>
      </c>
      <c r="K5" s="11" t="s">
        <v>182</v>
      </c>
      <c r="L5" s="700" t="s">
        <v>182</v>
      </c>
    </row>
    <row r="6" spans="1:13" s="706" customFormat="1" ht="12">
      <c r="A6" s="701" t="s">
        <v>155</v>
      </c>
      <c r="B6" s="702">
        <v>47.03</v>
      </c>
      <c r="C6" s="703">
        <v>45.71</v>
      </c>
      <c r="D6" s="704">
        <v>48.32</v>
      </c>
      <c r="E6" s="703">
        <v>2.6099999999999994</v>
      </c>
      <c r="F6" s="704">
        <v>46.8</v>
      </c>
      <c r="G6" s="703">
        <v>45.5</v>
      </c>
      <c r="H6" s="704">
        <v>48.07</v>
      </c>
      <c r="I6" s="703">
        <v>2.5700000000000003</v>
      </c>
      <c r="J6" s="703">
        <v>0.23000000000000398</v>
      </c>
      <c r="K6" s="703">
        <v>0.21000000000000085</v>
      </c>
      <c r="L6" s="705">
        <v>0.25</v>
      </c>
    </row>
    <row r="7" spans="1:13" s="4" customFormat="1" ht="12">
      <c r="A7" s="6"/>
      <c r="B7" s="707"/>
      <c r="C7" s="707"/>
      <c r="D7" s="707"/>
      <c r="E7" s="707"/>
      <c r="F7" s="707"/>
      <c r="G7" s="707"/>
      <c r="H7" s="707"/>
      <c r="I7" s="707"/>
      <c r="J7" s="707"/>
      <c r="K7" s="707"/>
      <c r="L7" s="708"/>
    </row>
    <row r="8" spans="1:13" s="4" customFormat="1" ht="16.5" customHeight="1">
      <c r="A8" s="95" t="s">
        <v>156</v>
      </c>
      <c r="B8" s="709">
        <v>46.91</v>
      </c>
      <c r="C8" s="709">
        <v>45.61</v>
      </c>
      <c r="D8" s="709">
        <v>48.17</v>
      </c>
      <c r="E8" s="710">
        <v>2.5600000000000023</v>
      </c>
      <c r="F8" s="711">
        <v>46.69</v>
      </c>
      <c r="G8" s="711">
        <v>45.41</v>
      </c>
      <c r="H8" s="711">
        <v>47.93</v>
      </c>
      <c r="I8" s="711">
        <v>2.5200000000000031</v>
      </c>
      <c r="J8" s="711">
        <v>0.21999999999999886</v>
      </c>
      <c r="K8" s="711">
        <v>0.20000000000000284</v>
      </c>
      <c r="L8" s="712">
        <v>0.24000000000000199</v>
      </c>
      <c r="M8" s="713"/>
    </row>
    <row r="9" spans="1:13" s="4" customFormat="1" ht="16.5" customHeight="1">
      <c r="A9" s="95" t="s">
        <v>157</v>
      </c>
      <c r="B9" s="709">
        <v>44.22</v>
      </c>
      <c r="C9" s="709">
        <v>43.16</v>
      </c>
      <c r="D9" s="709">
        <v>45.3</v>
      </c>
      <c r="E9" s="710">
        <v>2.1400000000000006</v>
      </c>
      <c r="F9" s="711">
        <v>44</v>
      </c>
      <c r="G9" s="711">
        <v>42.96</v>
      </c>
      <c r="H9" s="711">
        <v>45.06</v>
      </c>
      <c r="I9" s="711">
        <v>2.1000000000000014</v>
      </c>
      <c r="J9" s="711">
        <v>0.21999999999999886</v>
      </c>
      <c r="K9" s="711">
        <v>0.19999999999999574</v>
      </c>
      <c r="L9" s="712">
        <v>0.23999999999999488</v>
      </c>
      <c r="M9" s="713"/>
    </row>
    <row r="10" spans="1:13" s="4" customFormat="1" ht="16.5" customHeight="1">
      <c r="A10" s="95" t="s">
        <v>158</v>
      </c>
      <c r="B10" s="709">
        <v>50.69</v>
      </c>
      <c r="C10" s="709">
        <v>48.82</v>
      </c>
      <c r="D10" s="709">
        <v>52.45</v>
      </c>
      <c r="E10" s="710">
        <v>3.6300000000000026</v>
      </c>
      <c r="F10" s="709">
        <v>50.39</v>
      </c>
      <c r="G10" s="709">
        <v>48.54</v>
      </c>
      <c r="H10" s="709">
        <v>52.15</v>
      </c>
      <c r="I10" s="710">
        <v>3.6099999999999994</v>
      </c>
      <c r="J10" s="710">
        <v>0.29999999999999716</v>
      </c>
      <c r="K10" s="710">
        <v>0.28000000000000114</v>
      </c>
      <c r="L10" s="714">
        <v>0.30000000000000426</v>
      </c>
      <c r="M10" s="713"/>
    </row>
    <row r="11" spans="1:13" s="4" customFormat="1" ht="16.5" customHeight="1">
      <c r="A11" s="95" t="s">
        <v>159</v>
      </c>
      <c r="B11" s="709">
        <v>47.07</v>
      </c>
      <c r="C11" s="709">
        <v>45.92</v>
      </c>
      <c r="D11" s="709">
        <v>48.22</v>
      </c>
      <c r="E11" s="710">
        <v>2.2999999999999972</v>
      </c>
      <c r="F11" s="709">
        <v>46.85</v>
      </c>
      <c r="G11" s="709">
        <v>45.73</v>
      </c>
      <c r="H11" s="709">
        <v>47.98</v>
      </c>
      <c r="I11" s="710">
        <v>2.25</v>
      </c>
      <c r="J11" s="710">
        <v>0.21999999999999886</v>
      </c>
      <c r="K11" s="710">
        <v>0.19000000000000483</v>
      </c>
      <c r="L11" s="714">
        <v>0.24000000000000199</v>
      </c>
      <c r="M11" s="713"/>
    </row>
    <row r="12" spans="1:13" s="4" customFormat="1" ht="16.5" customHeight="1">
      <c r="A12" s="95" t="s">
        <v>160</v>
      </c>
      <c r="B12" s="709">
        <v>47.7</v>
      </c>
      <c r="C12" s="709">
        <v>46.3</v>
      </c>
      <c r="D12" s="709">
        <v>49.07</v>
      </c>
      <c r="E12" s="710">
        <v>2.7700000000000031</v>
      </c>
      <c r="F12" s="709">
        <v>47.46</v>
      </c>
      <c r="G12" s="709">
        <v>46.07</v>
      </c>
      <c r="H12" s="709">
        <v>48.81</v>
      </c>
      <c r="I12" s="710">
        <v>2.740000000000002</v>
      </c>
      <c r="J12" s="710">
        <v>0.24000000000000199</v>
      </c>
      <c r="K12" s="710">
        <v>0.22999999999999687</v>
      </c>
      <c r="L12" s="714">
        <v>0.25999999999999801</v>
      </c>
      <c r="M12" s="713"/>
    </row>
    <row r="13" spans="1:13" s="4" customFormat="1" ht="16.5" customHeight="1">
      <c r="A13" s="95" t="s">
        <v>161</v>
      </c>
      <c r="B13" s="709">
        <v>50.65</v>
      </c>
      <c r="C13" s="709">
        <v>49.01</v>
      </c>
      <c r="D13" s="709">
        <v>52.2</v>
      </c>
      <c r="E13" s="710">
        <v>3.1900000000000048</v>
      </c>
      <c r="F13" s="709">
        <v>50.36</v>
      </c>
      <c r="G13" s="709">
        <v>48.73</v>
      </c>
      <c r="H13" s="709">
        <v>51.88</v>
      </c>
      <c r="I13" s="710">
        <v>3.1500000000000057</v>
      </c>
      <c r="J13" s="710">
        <v>0.28999999999999915</v>
      </c>
      <c r="K13" s="710">
        <v>0.28000000000000114</v>
      </c>
      <c r="L13" s="714">
        <v>0.32000000000000028</v>
      </c>
      <c r="M13" s="713"/>
    </row>
    <row r="14" spans="1:13" s="4" customFormat="1" ht="11.25" customHeight="1" thickBot="1">
      <c r="A14" s="715"/>
      <c r="B14" s="716"/>
      <c r="C14" s="716"/>
      <c r="D14" s="716"/>
      <c r="E14" s="716"/>
      <c r="F14" s="717"/>
      <c r="G14" s="717"/>
      <c r="H14" s="717"/>
      <c r="I14" s="717"/>
      <c r="J14" s="717"/>
      <c r="K14" s="717"/>
      <c r="L14" s="718"/>
      <c r="M14" s="713"/>
    </row>
    <row r="15" spans="1:13" ht="14.25" thickTop="1"/>
    <row r="16" spans="1:13">
      <c r="B16" s="719"/>
    </row>
    <row r="17" spans="2:2">
      <c r="B17" s="719"/>
    </row>
  </sheetData>
  <mergeCells count="4">
    <mergeCell ref="A2:A4"/>
    <mergeCell ref="B2:E2"/>
    <mergeCell ref="F2:I2"/>
    <mergeCell ref="J2:L2"/>
  </mergeCells>
  <phoneticPr fontId="2"/>
  <printOptions horizontalCentered="1"/>
  <pageMargins left="0.70866141732283472" right="0.70866141732283472" top="0.70866141732283472" bottom="0.70866141732283472" header="0.31496062992125984" footer="0.19685039370078741"/>
  <pageSetup paperSize="9" scale="83" orientation="portrait" blackAndWhite="1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59"/>
  <sheetViews>
    <sheetView zoomScaleNormal="100" zoomScaleSheetLayoutView="100" workbookViewId="0"/>
  </sheetViews>
  <sheetFormatPr defaultRowHeight="13.5"/>
  <cols>
    <col min="1" max="1" width="3.75" style="79" customWidth="1"/>
    <col min="2" max="2" width="11.25" style="657" customWidth="1"/>
    <col min="3" max="9" width="12.5" style="79" customWidth="1"/>
    <col min="10" max="10" width="9.75" style="79" bestFit="1" customWidth="1"/>
    <col min="11" max="15" width="11.25" style="79" customWidth="1"/>
    <col min="16" max="16384" width="9" style="79"/>
  </cols>
  <sheetData>
    <row r="1" spans="1:16" ht="15" customHeight="1" thickBot="1">
      <c r="A1" s="683" t="s">
        <v>183</v>
      </c>
      <c r="B1" s="684"/>
      <c r="C1" s="658"/>
    </row>
    <row r="2" spans="1:16" s="114" customFormat="1" ht="12.75" customHeight="1" thickTop="1">
      <c r="A2" s="979" t="s">
        <v>184</v>
      </c>
      <c r="B2" s="980"/>
      <c r="C2" s="983" t="s">
        <v>185</v>
      </c>
      <c r="D2" s="958" t="s">
        <v>186</v>
      </c>
      <c r="E2" s="958" t="s">
        <v>187</v>
      </c>
      <c r="F2" s="958" t="s">
        <v>188</v>
      </c>
      <c r="G2" s="958" t="s">
        <v>189</v>
      </c>
      <c r="H2" s="958" t="s">
        <v>190</v>
      </c>
      <c r="I2" s="977" t="s">
        <v>191</v>
      </c>
      <c r="J2" s="78"/>
    </row>
    <row r="3" spans="1:16" s="114" customFormat="1" ht="12.75" customHeight="1">
      <c r="A3" s="981"/>
      <c r="B3" s="982"/>
      <c r="C3" s="984"/>
      <c r="D3" s="959"/>
      <c r="E3" s="959"/>
      <c r="F3" s="959"/>
      <c r="G3" s="959"/>
      <c r="H3" s="959"/>
      <c r="I3" s="978"/>
      <c r="J3" s="78"/>
    </row>
    <row r="4" spans="1:16" s="114" customFormat="1" ht="13.5" customHeight="1">
      <c r="A4" s="116"/>
      <c r="B4" s="659"/>
      <c r="C4" s="105" t="s">
        <v>192</v>
      </c>
      <c r="D4" s="106" t="s">
        <v>193</v>
      </c>
      <c r="E4" s="105" t="s">
        <v>193</v>
      </c>
      <c r="F4" s="86" t="s">
        <v>192</v>
      </c>
      <c r="G4" s="106" t="s">
        <v>192</v>
      </c>
      <c r="H4" s="106" t="s">
        <v>192</v>
      </c>
      <c r="I4" s="106" t="s">
        <v>192</v>
      </c>
      <c r="J4" s="78"/>
    </row>
    <row r="5" spans="1:16" s="114" customFormat="1" ht="13.5" customHeight="1">
      <c r="A5" s="116"/>
      <c r="B5" s="659" t="s">
        <v>194</v>
      </c>
      <c r="C5" s="107">
        <v>9227901</v>
      </c>
      <c r="D5" s="108">
        <v>3769595</v>
      </c>
      <c r="E5" s="107">
        <v>1540516</v>
      </c>
      <c r="F5" s="109">
        <v>679613</v>
      </c>
      <c r="G5" s="108">
        <v>1590272</v>
      </c>
      <c r="H5" s="108">
        <v>1315618</v>
      </c>
      <c r="I5" s="108">
        <v>332287</v>
      </c>
      <c r="J5" s="682"/>
    </row>
    <row r="6" spans="1:16" s="114" customFormat="1" ht="13.5" customHeight="1">
      <c r="A6" s="116"/>
      <c r="B6" s="660"/>
      <c r="C6" s="99"/>
      <c r="D6" s="100"/>
      <c r="E6" s="101"/>
      <c r="F6" s="102"/>
      <c r="G6" s="101"/>
      <c r="H6" s="102"/>
      <c r="I6" s="100"/>
      <c r="J6" s="78"/>
      <c r="K6" s="113"/>
      <c r="L6" s="113"/>
      <c r="M6" s="113"/>
      <c r="N6" s="113"/>
      <c r="O6" s="113"/>
    </row>
    <row r="7" spans="1:16" s="114" customFormat="1" ht="13.5" customHeight="1">
      <c r="A7" s="80"/>
      <c r="B7" s="659" t="s">
        <v>195</v>
      </c>
      <c r="C7" s="110">
        <v>310632</v>
      </c>
      <c r="D7" s="661">
        <v>126636</v>
      </c>
      <c r="E7" s="661">
        <v>58175</v>
      </c>
      <c r="F7" s="661">
        <v>18710</v>
      </c>
      <c r="G7" s="661">
        <v>53550</v>
      </c>
      <c r="H7" s="661">
        <v>44347</v>
      </c>
      <c r="I7" s="104">
        <v>9214</v>
      </c>
      <c r="J7" s="78"/>
      <c r="K7" s="103"/>
      <c r="L7" s="103"/>
      <c r="M7" s="103"/>
      <c r="N7" s="103"/>
      <c r="O7" s="103"/>
      <c r="P7" s="685"/>
    </row>
    <row r="8" spans="1:16" s="114" customFormat="1" ht="13.5" customHeight="1">
      <c r="A8" s="80"/>
      <c r="B8" s="659" t="s">
        <v>196</v>
      </c>
      <c r="C8" s="110">
        <v>355954</v>
      </c>
      <c r="D8" s="662">
        <v>144925</v>
      </c>
      <c r="E8" s="662">
        <v>62378</v>
      </c>
      <c r="F8" s="662">
        <v>23933</v>
      </c>
      <c r="G8" s="662">
        <v>60450</v>
      </c>
      <c r="H8" s="662">
        <v>53060</v>
      </c>
      <c r="I8" s="104">
        <v>11208</v>
      </c>
      <c r="J8" s="78"/>
      <c r="K8" s="103"/>
      <c r="L8" s="103"/>
      <c r="M8" s="103"/>
      <c r="N8" s="103"/>
      <c r="O8" s="103"/>
    </row>
    <row r="9" spans="1:16" s="114" customFormat="1" ht="13.5" customHeight="1">
      <c r="A9" s="80"/>
      <c r="B9" s="659" t="s">
        <v>197</v>
      </c>
      <c r="C9" s="110">
        <v>380892</v>
      </c>
      <c r="D9" s="662">
        <v>155122</v>
      </c>
      <c r="E9" s="662">
        <v>62198</v>
      </c>
      <c r="F9" s="662">
        <v>27197</v>
      </c>
      <c r="G9" s="662">
        <v>65899</v>
      </c>
      <c r="H9" s="662">
        <v>57306</v>
      </c>
      <c r="I9" s="104">
        <v>13170</v>
      </c>
      <c r="J9" s="78"/>
      <c r="K9" s="103"/>
      <c r="L9" s="103"/>
      <c r="M9" s="103"/>
      <c r="N9" s="103"/>
      <c r="O9" s="103"/>
    </row>
    <row r="10" spans="1:16" s="114" customFormat="1" ht="13.5" customHeight="1">
      <c r="A10" s="80"/>
      <c r="B10" s="659" t="s">
        <v>198</v>
      </c>
      <c r="C10" s="110">
        <v>397072</v>
      </c>
      <c r="D10" s="662">
        <v>161149</v>
      </c>
      <c r="E10" s="662">
        <v>61574</v>
      </c>
      <c r="F10" s="662">
        <v>31387</v>
      </c>
      <c r="G10" s="662">
        <v>68866</v>
      </c>
      <c r="H10" s="662">
        <v>59978</v>
      </c>
      <c r="I10" s="104">
        <v>14118</v>
      </c>
      <c r="J10" s="78"/>
      <c r="K10" s="103"/>
      <c r="L10" s="103"/>
      <c r="M10" s="103"/>
      <c r="N10" s="103"/>
      <c r="O10" s="103"/>
    </row>
    <row r="11" spans="1:16" s="114" customFormat="1" ht="13.5" customHeight="1">
      <c r="A11" s="80" t="s">
        <v>199</v>
      </c>
      <c r="B11" s="660" t="s">
        <v>200</v>
      </c>
      <c r="C11" s="110">
        <v>494146</v>
      </c>
      <c r="D11" s="662">
        <v>203201</v>
      </c>
      <c r="E11" s="663">
        <v>91599</v>
      </c>
      <c r="F11" s="663">
        <v>31334</v>
      </c>
      <c r="G11" s="663">
        <v>85964</v>
      </c>
      <c r="H11" s="663">
        <v>67126</v>
      </c>
      <c r="I11" s="664">
        <v>14922</v>
      </c>
      <c r="J11" s="78"/>
      <c r="K11" s="103"/>
      <c r="L11" s="103"/>
      <c r="M11" s="103"/>
      <c r="N11" s="103"/>
      <c r="O11" s="103"/>
    </row>
    <row r="12" spans="1:16" s="114" customFormat="1" ht="13.5" customHeight="1">
      <c r="A12" s="80" t="s">
        <v>201</v>
      </c>
      <c r="B12" s="659" t="s">
        <v>202</v>
      </c>
      <c r="C12" s="111">
        <v>498239</v>
      </c>
      <c r="D12" s="661">
        <v>203929</v>
      </c>
      <c r="E12" s="662">
        <v>109206</v>
      </c>
      <c r="F12" s="662">
        <v>25909</v>
      </c>
      <c r="G12" s="662">
        <v>84649</v>
      </c>
      <c r="H12" s="662">
        <v>60874</v>
      </c>
      <c r="I12" s="104">
        <v>13672</v>
      </c>
      <c r="J12" s="78"/>
      <c r="K12" s="103"/>
      <c r="L12" s="103"/>
      <c r="M12" s="103"/>
      <c r="N12" s="103"/>
      <c r="O12" s="103"/>
    </row>
    <row r="13" spans="1:16" s="114" customFormat="1" ht="13.5" customHeight="1">
      <c r="A13" s="80">
        <v>5</v>
      </c>
      <c r="B13" s="659" t="s">
        <v>203</v>
      </c>
      <c r="C13" s="110">
        <v>483002</v>
      </c>
      <c r="D13" s="662">
        <v>196518</v>
      </c>
      <c r="E13" s="662">
        <v>100928</v>
      </c>
      <c r="F13" s="662">
        <v>26851</v>
      </c>
      <c r="G13" s="662">
        <v>83138</v>
      </c>
      <c r="H13" s="662">
        <v>61605</v>
      </c>
      <c r="I13" s="104">
        <v>13962</v>
      </c>
      <c r="J13" s="78"/>
      <c r="K13" s="103"/>
      <c r="L13" s="103"/>
      <c r="M13" s="103"/>
      <c r="N13" s="103"/>
      <c r="O13" s="103"/>
    </row>
    <row r="14" spans="1:16" s="114" customFormat="1" ht="13.5" customHeight="1">
      <c r="A14" s="80" t="s">
        <v>204</v>
      </c>
      <c r="B14" s="659" t="s">
        <v>205</v>
      </c>
      <c r="C14" s="110">
        <v>533424</v>
      </c>
      <c r="D14" s="662">
        <v>217149</v>
      </c>
      <c r="E14" s="662">
        <v>104927</v>
      </c>
      <c r="F14" s="662">
        <v>32495</v>
      </c>
      <c r="G14" s="662">
        <v>89990</v>
      </c>
      <c r="H14" s="662">
        <v>72640</v>
      </c>
      <c r="I14" s="104">
        <v>16223</v>
      </c>
      <c r="J14" s="78"/>
      <c r="K14" s="103"/>
      <c r="L14" s="103"/>
      <c r="M14" s="103"/>
      <c r="N14" s="103"/>
      <c r="O14" s="103"/>
    </row>
    <row r="15" spans="1:16" s="114" customFormat="1" ht="13.5" customHeight="1">
      <c r="A15" s="80">
        <v>1</v>
      </c>
      <c r="B15" s="659" t="s">
        <v>206</v>
      </c>
      <c r="C15" s="110">
        <v>596485</v>
      </c>
      <c r="D15" s="662">
        <v>241943</v>
      </c>
      <c r="E15" s="662">
        <v>109098</v>
      </c>
      <c r="F15" s="662">
        <v>39336</v>
      </c>
      <c r="G15" s="662">
        <v>101607</v>
      </c>
      <c r="H15" s="662">
        <v>85586</v>
      </c>
      <c r="I15" s="104">
        <v>18915</v>
      </c>
      <c r="J15" s="78"/>
      <c r="K15" s="103"/>
      <c r="L15" s="103"/>
      <c r="M15" s="103"/>
      <c r="N15" s="103"/>
      <c r="O15" s="103"/>
    </row>
    <row r="16" spans="1:16" s="114" customFormat="1" ht="13.5" customHeight="1">
      <c r="A16" s="80" t="s">
        <v>207</v>
      </c>
      <c r="B16" s="660" t="s">
        <v>208</v>
      </c>
      <c r="C16" s="99">
        <v>718800</v>
      </c>
      <c r="D16" s="663">
        <v>292835</v>
      </c>
      <c r="E16" s="663">
        <v>123302</v>
      </c>
      <c r="F16" s="663">
        <v>51592</v>
      </c>
      <c r="G16" s="663">
        <v>124242</v>
      </c>
      <c r="H16" s="663">
        <v>102959</v>
      </c>
      <c r="I16" s="664">
        <v>23870</v>
      </c>
      <c r="J16" s="78"/>
      <c r="K16" s="103"/>
      <c r="L16" s="103"/>
      <c r="M16" s="103"/>
      <c r="N16" s="103"/>
      <c r="O16" s="103"/>
    </row>
    <row r="17" spans="1:15" s="114" customFormat="1" ht="13.5" customHeight="1">
      <c r="A17" s="80">
        <v>1</v>
      </c>
      <c r="B17" s="659" t="s">
        <v>209</v>
      </c>
      <c r="C17" s="110">
        <v>764162</v>
      </c>
      <c r="D17" s="662">
        <v>317153</v>
      </c>
      <c r="E17" s="662">
        <v>125452</v>
      </c>
      <c r="F17" s="662">
        <v>56963</v>
      </c>
      <c r="G17" s="662">
        <v>131052</v>
      </c>
      <c r="H17" s="662">
        <v>107601</v>
      </c>
      <c r="I17" s="104">
        <v>25941</v>
      </c>
      <c r="J17" s="78"/>
      <c r="K17" s="103"/>
      <c r="L17" s="103"/>
      <c r="M17" s="103"/>
      <c r="N17" s="103"/>
      <c r="O17" s="103"/>
    </row>
    <row r="18" spans="1:15" s="114" customFormat="1" ht="13.5" customHeight="1">
      <c r="A18" s="80" t="s">
        <v>210</v>
      </c>
      <c r="B18" s="659" t="s">
        <v>211</v>
      </c>
      <c r="C18" s="110">
        <v>639903</v>
      </c>
      <c r="D18" s="662">
        <v>268875</v>
      </c>
      <c r="E18" s="662">
        <v>102404</v>
      </c>
      <c r="F18" s="662">
        <v>47972</v>
      </c>
      <c r="G18" s="662">
        <v>107493</v>
      </c>
      <c r="H18" s="662">
        <v>89832</v>
      </c>
      <c r="I18" s="104">
        <v>23327</v>
      </c>
      <c r="J18" s="78"/>
      <c r="K18" s="103"/>
      <c r="L18" s="103"/>
      <c r="M18" s="103"/>
      <c r="N18" s="103"/>
      <c r="O18" s="103"/>
    </row>
    <row r="19" spans="1:15" s="114" customFormat="1" ht="13.5" customHeight="1">
      <c r="A19" s="80" t="s">
        <v>212</v>
      </c>
      <c r="B19" s="659" t="s">
        <v>213</v>
      </c>
      <c r="C19" s="110">
        <v>514826</v>
      </c>
      <c r="D19" s="662">
        <v>213984</v>
      </c>
      <c r="E19" s="662">
        <v>78336</v>
      </c>
      <c r="F19" s="662">
        <v>41382</v>
      </c>
      <c r="G19" s="662">
        <v>86188</v>
      </c>
      <c r="H19" s="662">
        <v>74172</v>
      </c>
      <c r="I19" s="104">
        <v>20764</v>
      </c>
      <c r="J19" s="78"/>
      <c r="K19" s="103"/>
      <c r="L19" s="103"/>
      <c r="M19" s="103"/>
      <c r="N19" s="103"/>
      <c r="O19" s="103"/>
    </row>
    <row r="20" spans="1:15" s="114" customFormat="1" ht="13.5" customHeight="1">
      <c r="A20" s="80" t="s">
        <v>214</v>
      </c>
      <c r="B20" s="659" t="s">
        <v>215</v>
      </c>
      <c r="C20" s="110">
        <v>462767</v>
      </c>
      <c r="D20" s="662">
        <v>186640</v>
      </c>
      <c r="E20" s="662">
        <v>65130</v>
      </c>
      <c r="F20" s="662">
        <v>39321</v>
      </c>
      <c r="G20" s="662">
        <v>81291</v>
      </c>
      <c r="H20" s="662">
        <v>69510</v>
      </c>
      <c r="I20" s="104">
        <v>20875</v>
      </c>
      <c r="J20" s="78"/>
      <c r="K20" s="103"/>
      <c r="L20" s="103"/>
      <c r="M20" s="103"/>
      <c r="N20" s="103"/>
      <c r="O20" s="103"/>
    </row>
    <row r="21" spans="1:15" s="114" customFormat="1" ht="13.5" customHeight="1">
      <c r="A21" s="686"/>
      <c r="B21" s="660" t="s">
        <v>216</v>
      </c>
      <c r="C21" s="110">
        <v>583758</v>
      </c>
      <c r="D21" s="663">
        <v>229522</v>
      </c>
      <c r="E21" s="663">
        <v>76825</v>
      </c>
      <c r="F21" s="663">
        <v>52689</v>
      </c>
      <c r="G21" s="663">
        <v>106044</v>
      </c>
      <c r="H21" s="663">
        <v>91255</v>
      </c>
      <c r="I21" s="664">
        <v>27423</v>
      </c>
      <c r="J21" s="78"/>
      <c r="K21" s="103"/>
      <c r="L21" s="103"/>
      <c r="M21" s="103"/>
      <c r="N21" s="103"/>
      <c r="O21" s="103"/>
    </row>
    <row r="22" spans="1:15" s="114" customFormat="1" ht="13.5" customHeight="1">
      <c r="A22" s="116"/>
      <c r="B22" s="659" t="s">
        <v>217</v>
      </c>
      <c r="C22" s="111">
        <v>484395</v>
      </c>
      <c r="D22" s="662">
        <v>189692</v>
      </c>
      <c r="E22" s="662">
        <v>60623</v>
      </c>
      <c r="F22" s="662">
        <v>47118</v>
      </c>
      <c r="G22" s="662">
        <v>88757</v>
      </c>
      <c r="H22" s="662">
        <v>75645</v>
      </c>
      <c r="I22" s="104">
        <v>22560</v>
      </c>
      <c r="J22" s="78"/>
      <c r="K22" s="103"/>
      <c r="L22" s="103"/>
      <c r="M22" s="103"/>
      <c r="N22" s="103"/>
      <c r="O22" s="103"/>
    </row>
    <row r="23" spans="1:15" s="114" customFormat="1" ht="13.5" customHeight="1">
      <c r="A23" s="116"/>
      <c r="B23" s="659" t="s">
        <v>218</v>
      </c>
      <c r="C23" s="110">
        <v>389248</v>
      </c>
      <c r="D23" s="662">
        <v>154426</v>
      </c>
      <c r="E23" s="662">
        <v>48084</v>
      </c>
      <c r="F23" s="662">
        <v>38792</v>
      </c>
      <c r="G23" s="662">
        <v>70281</v>
      </c>
      <c r="H23" s="662">
        <v>59665</v>
      </c>
      <c r="I23" s="104">
        <v>18000</v>
      </c>
      <c r="J23" s="78"/>
      <c r="K23" s="103"/>
      <c r="L23" s="103"/>
      <c r="M23" s="103"/>
      <c r="N23" s="103"/>
      <c r="O23" s="103"/>
    </row>
    <row r="24" spans="1:15" s="114" customFormat="1" ht="13.5" customHeight="1">
      <c r="A24" s="116"/>
      <c r="B24" s="659" t="s">
        <v>219</v>
      </c>
      <c r="C24" s="110">
        <v>252310</v>
      </c>
      <c r="D24" s="662">
        <v>104178</v>
      </c>
      <c r="E24" s="662">
        <v>32641</v>
      </c>
      <c r="F24" s="662">
        <v>26205</v>
      </c>
      <c r="G24" s="662">
        <v>39899</v>
      </c>
      <c r="H24" s="662">
        <v>37725</v>
      </c>
      <c r="I24" s="104">
        <v>11662</v>
      </c>
      <c r="J24" s="78"/>
      <c r="K24" s="103"/>
      <c r="L24" s="103"/>
      <c r="M24" s="103"/>
      <c r="N24" s="103"/>
      <c r="O24" s="103"/>
    </row>
    <row r="25" spans="1:15" s="114" customFormat="1" ht="13.5" customHeight="1">
      <c r="A25" s="116"/>
      <c r="B25" s="659" t="s">
        <v>220</v>
      </c>
      <c r="C25" s="110">
        <v>117642</v>
      </c>
      <c r="D25" s="662">
        <v>48624</v>
      </c>
      <c r="E25" s="662">
        <v>16292</v>
      </c>
      <c r="F25" s="662">
        <v>12568</v>
      </c>
      <c r="G25" s="662">
        <v>17010</v>
      </c>
      <c r="H25" s="662">
        <v>17638</v>
      </c>
      <c r="I25" s="104">
        <v>5510</v>
      </c>
      <c r="J25" s="78"/>
      <c r="K25" s="103"/>
      <c r="L25" s="103"/>
      <c r="M25" s="103"/>
      <c r="N25" s="103"/>
      <c r="O25" s="103"/>
    </row>
    <row r="26" spans="1:15" s="114" customFormat="1" ht="13.5" customHeight="1">
      <c r="A26" s="116"/>
      <c r="B26" s="660" t="s">
        <v>221</v>
      </c>
      <c r="C26" s="99">
        <v>31140</v>
      </c>
      <c r="D26" s="663">
        <v>12420</v>
      </c>
      <c r="E26" s="663">
        <v>4272</v>
      </c>
      <c r="F26" s="663">
        <v>3452</v>
      </c>
      <c r="G26" s="663">
        <v>4422</v>
      </c>
      <c r="H26" s="663">
        <v>4944</v>
      </c>
      <c r="I26" s="664">
        <v>1630</v>
      </c>
      <c r="J26" s="78"/>
      <c r="K26" s="103"/>
      <c r="L26" s="103"/>
      <c r="M26" s="103"/>
      <c r="N26" s="103"/>
      <c r="O26" s="103"/>
    </row>
    <row r="27" spans="1:15" s="114" customFormat="1" ht="13.5" customHeight="1">
      <c r="A27" s="116"/>
      <c r="B27" s="852" t="s">
        <v>222</v>
      </c>
      <c r="C27" s="853">
        <v>5034</v>
      </c>
      <c r="D27" s="855">
        <v>1885</v>
      </c>
      <c r="E27" s="855">
        <v>722</v>
      </c>
      <c r="F27" s="855">
        <v>592</v>
      </c>
      <c r="G27" s="855">
        <v>719</v>
      </c>
      <c r="H27" s="855">
        <v>856</v>
      </c>
      <c r="I27" s="856">
        <v>260</v>
      </c>
      <c r="J27" s="78"/>
      <c r="K27" s="103"/>
      <c r="L27" s="103"/>
      <c r="M27" s="103"/>
      <c r="N27" s="103"/>
      <c r="O27" s="103"/>
    </row>
    <row r="28" spans="1:15" s="114" customFormat="1" ht="13.5" customHeight="1">
      <c r="A28" s="116"/>
      <c r="B28" s="659" t="s">
        <v>223</v>
      </c>
      <c r="C28" s="110">
        <v>1047478</v>
      </c>
      <c r="D28" s="679">
        <v>426683</v>
      </c>
      <c r="E28" s="679">
        <v>182751</v>
      </c>
      <c r="F28" s="679">
        <v>69840</v>
      </c>
      <c r="G28" s="679">
        <v>179899</v>
      </c>
      <c r="H28" s="662">
        <v>154713</v>
      </c>
      <c r="I28" s="679">
        <v>33592</v>
      </c>
      <c r="J28" s="682"/>
    </row>
    <row r="29" spans="1:15" s="114" customFormat="1" ht="13.5" customHeight="1">
      <c r="A29" s="116"/>
      <c r="B29" s="659" t="s">
        <v>224</v>
      </c>
      <c r="C29" s="110">
        <v>5640059</v>
      </c>
      <c r="D29" s="679">
        <v>2316736</v>
      </c>
      <c r="E29" s="679">
        <v>1006826</v>
      </c>
      <c r="F29" s="679">
        <v>385221</v>
      </c>
      <c r="G29" s="679">
        <v>963189</v>
      </c>
      <c r="H29" s="679">
        <v>782373</v>
      </c>
      <c r="I29" s="679">
        <v>185714</v>
      </c>
      <c r="J29" s="682"/>
    </row>
    <row r="30" spans="1:15" s="114" customFormat="1" ht="13.5" customHeight="1" thickBot="1">
      <c r="A30" s="430"/>
      <c r="B30" s="687" t="s">
        <v>225</v>
      </c>
      <c r="C30" s="112">
        <v>2326294</v>
      </c>
      <c r="D30" s="688">
        <v>927387</v>
      </c>
      <c r="E30" s="688">
        <v>304589</v>
      </c>
      <c r="F30" s="688">
        <v>220737</v>
      </c>
      <c r="G30" s="688">
        <v>408423</v>
      </c>
      <c r="H30" s="688">
        <v>357238</v>
      </c>
      <c r="I30" s="688">
        <v>107920</v>
      </c>
      <c r="J30" s="78"/>
    </row>
    <row r="31" spans="1:15" s="114" customFormat="1" ht="13.5" customHeight="1" thickTop="1">
      <c r="A31" s="116"/>
      <c r="B31" s="659"/>
      <c r="C31" s="105" t="s">
        <v>192</v>
      </c>
      <c r="D31" s="106" t="s">
        <v>226</v>
      </c>
      <c r="E31" s="105" t="s">
        <v>226</v>
      </c>
      <c r="F31" s="86" t="s">
        <v>226</v>
      </c>
      <c r="G31" s="106" t="s">
        <v>226</v>
      </c>
      <c r="H31" s="106" t="s">
        <v>226</v>
      </c>
      <c r="I31" s="106" t="s">
        <v>226</v>
      </c>
      <c r="J31" s="78"/>
    </row>
    <row r="32" spans="1:15" s="114" customFormat="1" ht="13.5" customHeight="1">
      <c r="A32" s="116"/>
      <c r="B32" s="659" t="s">
        <v>194</v>
      </c>
      <c r="C32" s="107">
        <v>9231177</v>
      </c>
      <c r="D32" s="108">
        <v>3772029</v>
      </c>
      <c r="E32" s="107">
        <v>1538825</v>
      </c>
      <c r="F32" s="109">
        <v>685839</v>
      </c>
      <c r="G32" s="108">
        <v>1586768</v>
      </c>
      <c r="H32" s="108">
        <v>1313636</v>
      </c>
      <c r="I32" s="108">
        <v>334080</v>
      </c>
      <c r="J32" s="78"/>
    </row>
    <row r="33" spans="1:12" s="114" customFormat="1" ht="13.5" customHeight="1">
      <c r="A33" s="116"/>
      <c r="B33" s="660"/>
      <c r="C33" s="99"/>
      <c r="D33" s="102"/>
      <c r="E33" s="101"/>
      <c r="F33" s="102"/>
      <c r="G33" s="101"/>
      <c r="H33" s="102"/>
      <c r="I33" s="100"/>
      <c r="J33" s="78"/>
    </row>
    <row r="34" spans="1:12" s="114" customFormat="1" ht="13.5" customHeight="1">
      <c r="A34" s="80"/>
      <c r="B34" s="659" t="s">
        <v>227</v>
      </c>
      <c r="C34" s="110">
        <v>319528</v>
      </c>
      <c r="D34" s="110">
        <v>130456</v>
      </c>
      <c r="E34" s="110">
        <v>60875</v>
      </c>
      <c r="F34" s="110">
        <v>19219</v>
      </c>
      <c r="G34" s="110">
        <v>54333</v>
      </c>
      <c r="H34" s="110">
        <v>45214</v>
      </c>
      <c r="I34" s="689">
        <v>9431</v>
      </c>
      <c r="J34" s="78"/>
    </row>
    <row r="35" spans="1:12" s="114" customFormat="1" ht="13.5" customHeight="1">
      <c r="A35" s="80"/>
      <c r="B35" s="659" t="s">
        <v>228</v>
      </c>
      <c r="C35" s="110">
        <v>362880</v>
      </c>
      <c r="D35" s="110">
        <v>147928</v>
      </c>
      <c r="E35" s="110">
        <v>63249</v>
      </c>
      <c r="F35" s="110">
        <v>24734</v>
      </c>
      <c r="G35" s="110">
        <v>61440</v>
      </c>
      <c r="H35" s="110">
        <v>53885</v>
      </c>
      <c r="I35" s="689">
        <v>11644</v>
      </c>
      <c r="J35" s="78"/>
    </row>
    <row r="36" spans="1:12" s="114" customFormat="1" ht="13.5" customHeight="1">
      <c r="A36" s="80"/>
      <c r="B36" s="659" t="s">
        <v>229</v>
      </c>
      <c r="C36" s="110">
        <v>383591</v>
      </c>
      <c r="D36" s="110">
        <v>155766</v>
      </c>
      <c r="E36" s="110">
        <v>62162</v>
      </c>
      <c r="F36" s="110">
        <v>27931</v>
      </c>
      <c r="G36" s="110">
        <v>66609</v>
      </c>
      <c r="H36" s="110">
        <v>57828</v>
      </c>
      <c r="I36" s="689">
        <v>13295</v>
      </c>
      <c r="J36" s="78"/>
      <c r="K36" s="690"/>
      <c r="L36" s="690"/>
    </row>
    <row r="37" spans="1:12" s="114" customFormat="1" ht="13.5" customHeight="1">
      <c r="A37" s="80"/>
      <c r="B37" s="659" t="s">
        <v>230</v>
      </c>
      <c r="C37" s="110">
        <v>398649</v>
      </c>
      <c r="D37" s="110">
        <v>162208</v>
      </c>
      <c r="E37" s="110">
        <v>61512</v>
      </c>
      <c r="F37" s="110">
        <v>31419</v>
      </c>
      <c r="G37" s="110">
        <v>69150</v>
      </c>
      <c r="H37" s="110">
        <v>59859</v>
      </c>
      <c r="I37" s="689">
        <v>14501</v>
      </c>
      <c r="J37" s="78"/>
    </row>
    <row r="38" spans="1:12" s="114" customFormat="1" ht="13.5" customHeight="1">
      <c r="A38" s="80" t="s">
        <v>199</v>
      </c>
      <c r="B38" s="660" t="s">
        <v>231</v>
      </c>
      <c r="C38" s="110">
        <v>492720</v>
      </c>
      <c r="D38" s="99">
        <v>201718</v>
      </c>
      <c r="E38" s="99">
        <v>91038</v>
      </c>
      <c r="F38" s="99">
        <v>31886</v>
      </c>
      <c r="G38" s="99">
        <v>85449</v>
      </c>
      <c r="H38" s="99">
        <v>67558</v>
      </c>
      <c r="I38" s="691">
        <v>15071</v>
      </c>
      <c r="J38" s="78"/>
    </row>
    <row r="39" spans="1:12" s="114" customFormat="1" ht="13.5" customHeight="1">
      <c r="A39" s="80" t="s">
        <v>201</v>
      </c>
      <c r="B39" s="659" t="s">
        <v>232</v>
      </c>
      <c r="C39" s="111">
        <v>486193</v>
      </c>
      <c r="D39" s="110">
        <v>199103</v>
      </c>
      <c r="E39" s="110">
        <v>105904</v>
      </c>
      <c r="F39" s="110">
        <v>25944</v>
      </c>
      <c r="G39" s="110">
        <v>82458</v>
      </c>
      <c r="H39" s="110">
        <v>59128</v>
      </c>
      <c r="I39" s="689">
        <v>13656</v>
      </c>
      <c r="J39" s="78"/>
    </row>
    <row r="40" spans="1:12" s="114" customFormat="1" ht="13.5" customHeight="1">
      <c r="A40" s="80">
        <v>4</v>
      </c>
      <c r="B40" s="659" t="s">
        <v>233</v>
      </c>
      <c r="C40" s="110">
        <v>485150</v>
      </c>
      <c r="D40" s="110">
        <v>197759</v>
      </c>
      <c r="E40" s="110">
        <v>101516</v>
      </c>
      <c r="F40" s="110">
        <v>27759</v>
      </c>
      <c r="G40" s="110">
        <v>82096</v>
      </c>
      <c r="H40" s="110">
        <v>61960</v>
      </c>
      <c r="I40" s="689">
        <v>14060</v>
      </c>
      <c r="J40" s="78"/>
    </row>
    <row r="41" spans="1:12" s="114" customFormat="1" ht="13.5" customHeight="1">
      <c r="A41" s="80" t="s">
        <v>204</v>
      </c>
      <c r="B41" s="659" t="s">
        <v>234</v>
      </c>
      <c r="C41" s="110">
        <v>545264</v>
      </c>
      <c r="D41" s="110">
        <v>222226</v>
      </c>
      <c r="E41" s="110">
        <v>107326</v>
      </c>
      <c r="F41" s="110">
        <v>33355</v>
      </c>
      <c r="G41" s="110">
        <v>91534</v>
      </c>
      <c r="H41" s="110">
        <v>74318</v>
      </c>
      <c r="I41" s="689">
        <v>16505</v>
      </c>
      <c r="J41" s="78"/>
    </row>
    <row r="42" spans="1:12" s="114" customFormat="1" ht="13.5" customHeight="1">
      <c r="A42" s="80">
        <v>1</v>
      </c>
      <c r="B42" s="659" t="s">
        <v>235</v>
      </c>
      <c r="C42" s="110">
        <v>614154</v>
      </c>
      <c r="D42" s="110">
        <v>248893</v>
      </c>
      <c r="E42" s="110">
        <v>112132</v>
      </c>
      <c r="F42" s="110">
        <v>41146</v>
      </c>
      <c r="G42" s="110">
        <v>104755</v>
      </c>
      <c r="H42" s="110">
        <v>87648</v>
      </c>
      <c r="I42" s="689">
        <v>19580</v>
      </c>
      <c r="J42" s="78"/>
    </row>
    <row r="43" spans="1:12" s="114" customFormat="1" ht="13.5" customHeight="1">
      <c r="A43" s="80" t="s">
        <v>207</v>
      </c>
      <c r="B43" s="660" t="s">
        <v>236</v>
      </c>
      <c r="C43" s="99">
        <v>745633</v>
      </c>
      <c r="D43" s="110">
        <v>304388</v>
      </c>
      <c r="E43" s="110">
        <v>127087</v>
      </c>
      <c r="F43" s="110">
        <v>54165</v>
      </c>
      <c r="G43" s="110">
        <v>128941</v>
      </c>
      <c r="H43" s="110">
        <v>106210</v>
      </c>
      <c r="I43" s="689">
        <v>24842</v>
      </c>
      <c r="J43" s="78"/>
    </row>
    <row r="44" spans="1:12" s="114" customFormat="1" ht="13.5" customHeight="1">
      <c r="A44" s="80">
        <v>1</v>
      </c>
      <c r="B44" s="659" t="s">
        <v>237</v>
      </c>
      <c r="C44" s="110">
        <v>759350</v>
      </c>
      <c r="D44" s="111">
        <v>316897</v>
      </c>
      <c r="E44" s="111">
        <v>124549</v>
      </c>
      <c r="F44" s="111">
        <v>56371</v>
      </c>
      <c r="G44" s="111">
        <v>129432</v>
      </c>
      <c r="H44" s="111">
        <v>106266</v>
      </c>
      <c r="I44" s="692">
        <v>25835</v>
      </c>
      <c r="J44" s="78"/>
    </row>
    <row r="45" spans="1:12" s="114" customFormat="1" ht="13.5" customHeight="1">
      <c r="A45" s="80" t="s">
        <v>210</v>
      </c>
      <c r="B45" s="659" t="s">
        <v>238</v>
      </c>
      <c r="C45" s="110">
        <v>602868</v>
      </c>
      <c r="D45" s="110">
        <v>253675</v>
      </c>
      <c r="E45" s="110">
        <v>96537</v>
      </c>
      <c r="F45" s="110">
        <v>45526</v>
      </c>
      <c r="G45" s="110">
        <v>100701</v>
      </c>
      <c r="H45" s="110">
        <v>84343</v>
      </c>
      <c r="I45" s="689">
        <v>22086</v>
      </c>
      <c r="J45" s="78"/>
    </row>
    <row r="46" spans="1:12" s="114" customFormat="1" ht="13.5" customHeight="1">
      <c r="A46" s="80" t="s">
        <v>212</v>
      </c>
      <c r="B46" s="659" t="s">
        <v>239</v>
      </c>
      <c r="C46" s="110">
        <v>497116</v>
      </c>
      <c r="D46" s="110">
        <v>205967</v>
      </c>
      <c r="E46" s="110">
        <v>74889</v>
      </c>
      <c r="F46" s="110">
        <v>40185</v>
      </c>
      <c r="G46" s="110">
        <v>83726</v>
      </c>
      <c r="H46" s="110">
        <v>71808</v>
      </c>
      <c r="I46" s="689">
        <v>20541</v>
      </c>
      <c r="J46" s="78"/>
    </row>
    <row r="47" spans="1:12" s="114" customFormat="1" ht="13.5" customHeight="1">
      <c r="A47" s="80" t="s">
        <v>214</v>
      </c>
      <c r="B47" s="659" t="s">
        <v>240</v>
      </c>
      <c r="C47" s="110">
        <v>481333</v>
      </c>
      <c r="D47" s="110">
        <v>192863</v>
      </c>
      <c r="E47" s="110">
        <v>67072</v>
      </c>
      <c r="F47" s="110">
        <v>41288</v>
      </c>
      <c r="G47" s="110">
        <v>85448</v>
      </c>
      <c r="H47" s="110">
        <v>72777</v>
      </c>
      <c r="I47" s="689">
        <v>21885</v>
      </c>
      <c r="J47" s="78"/>
    </row>
    <row r="48" spans="1:12" s="114" customFormat="1" ht="13.5" customHeight="1">
      <c r="A48" s="686"/>
      <c r="B48" s="660" t="s">
        <v>241</v>
      </c>
      <c r="C48" s="110">
        <v>617096</v>
      </c>
      <c r="D48" s="99">
        <v>242763</v>
      </c>
      <c r="E48" s="99">
        <v>80226</v>
      </c>
      <c r="F48" s="99">
        <v>56949</v>
      </c>
      <c r="G48" s="99">
        <v>112034</v>
      </c>
      <c r="H48" s="99">
        <v>96311</v>
      </c>
      <c r="I48" s="691">
        <v>28813</v>
      </c>
      <c r="J48" s="78"/>
    </row>
    <row r="49" spans="1:10" s="114" customFormat="1" ht="13.5" customHeight="1">
      <c r="A49" s="116"/>
      <c r="B49" s="659" t="s">
        <v>242</v>
      </c>
      <c r="C49" s="111">
        <v>461664</v>
      </c>
      <c r="D49" s="110">
        <v>180368</v>
      </c>
      <c r="E49" s="110">
        <v>57651</v>
      </c>
      <c r="F49" s="110">
        <v>45123</v>
      </c>
      <c r="G49" s="110">
        <v>84964</v>
      </c>
      <c r="H49" s="110">
        <v>72118</v>
      </c>
      <c r="I49" s="689">
        <v>21440</v>
      </c>
      <c r="J49" s="78"/>
    </row>
    <row r="50" spans="1:10" s="114" customFormat="1" ht="13.5" customHeight="1">
      <c r="A50" s="116"/>
      <c r="B50" s="659" t="s">
        <v>243</v>
      </c>
      <c r="C50" s="110">
        <v>376694</v>
      </c>
      <c r="D50" s="110">
        <v>150410</v>
      </c>
      <c r="E50" s="110">
        <v>47043</v>
      </c>
      <c r="F50" s="110">
        <v>37646</v>
      </c>
      <c r="G50" s="110">
        <v>66848</v>
      </c>
      <c r="H50" s="110">
        <v>57349</v>
      </c>
      <c r="I50" s="689">
        <v>17398</v>
      </c>
      <c r="J50" s="78"/>
    </row>
    <row r="51" spans="1:10" s="114" customFormat="1" ht="13.5" customHeight="1">
      <c r="A51" s="116"/>
      <c r="B51" s="659" t="s">
        <v>244</v>
      </c>
      <c r="C51" s="110">
        <v>242137</v>
      </c>
      <c r="D51" s="110">
        <v>100422</v>
      </c>
      <c r="E51" s="110">
        <v>31767</v>
      </c>
      <c r="F51" s="110">
        <v>25490</v>
      </c>
      <c r="G51" s="110">
        <v>37432</v>
      </c>
      <c r="H51" s="110">
        <v>35636</v>
      </c>
      <c r="I51" s="689">
        <v>11390</v>
      </c>
      <c r="J51" s="78"/>
    </row>
    <row r="52" spans="1:10" s="114" customFormat="1" ht="13.5" customHeight="1">
      <c r="A52" s="116"/>
      <c r="B52" s="659" t="s">
        <v>245</v>
      </c>
      <c r="C52" s="110">
        <v>110740</v>
      </c>
      <c r="D52" s="110">
        <v>45634</v>
      </c>
      <c r="E52" s="110">
        <v>15230</v>
      </c>
      <c r="F52" s="110">
        <v>12042</v>
      </c>
      <c r="G52" s="110">
        <v>15826</v>
      </c>
      <c r="H52" s="110">
        <v>16724</v>
      </c>
      <c r="I52" s="689">
        <v>5284</v>
      </c>
      <c r="J52" s="78"/>
    </row>
    <row r="53" spans="1:10" s="114" customFormat="1" ht="13.5" customHeight="1">
      <c r="A53" s="116"/>
      <c r="B53" s="660" t="s">
        <v>246</v>
      </c>
      <c r="C53" s="99">
        <v>29537</v>
      </c>
      <c r="D53" s="110">
        <v>11939</v>
      </c>
      <c r="E53" s="110">
        <v>4022</v>
      </c>
      <c r="F53" s="110">
        <v>3260</v>
      </c>
      <c r="G53" s="110">
        <v>4176</v>
      </c>
      <c r="H53" s="110">
        <v>4639</v>
      </c>
      <c r="I53" s="689">
        <v>1501</v>
      </c>
      <c r="J53" s="78"/>
    </row>
    <row r="54" spans="1:10" s="114" customFormat="1" ht="13.5" customHeight="1">
      <c r="A54" s="116"/>
      <c r="B54" s="852" t="s">
        <v>247</v>
      </c>
      <c r="C54" s="853">
        <v>4806</v>
      </c>
      <c r="D54" s="853">
        <v>1857</v>
      </c>
      <c r="E54" s="853">
        <v>688</v>
      </c>
      <c r="F54" s="853">
        <v>586</v>
      </c>
      <c r="G54" s="853">
        <v>654</v>
      </c>
      <c r="H54" s="853">
        <v>762</v>
      </c>
      <c r="I54" s="854">
        <v>259</v>
      </c>
      <c r="J54" s="78"/>
    </row>
    <row r="55" spans="1:10" s="114" customFormat="1" ht="13.5" customHeight="1">
      <c r="A55" s="116"/>
      <c r="B55" s="659" t="s">
        <v>248</v>
      </c>
      <c r="C55" s="110">
        <v>1065999</v>
      </c>
      <c r="D55" s="110">
        <v>434150</v>
      </c>
      <c r="E55" s="110">
        <v>186286</v>
      </c>
      <c r="F55" s="110">
        <v>71884</v>
      </c>
      <c r="G55" s="110">
        <v>182382</v>
      </c>
      <c r="H55" s="110">
        <v>156927</v>
      </c>
      <c r="I55" s="689">
        <v>34370</v>
      </c>
      <c r="J55" s="78"/>
    </row>
    <row r="56" spans="1:10" s="114" customFormat="1" ht="13.5" customHeight="1">
      <c r="A56" s="116"/>
      <c r="B56" s="659" t="s">
        <v>249</v>
      </c>
      <c r="C56" s="110">
        <v>5627097</v>
      </c>
      <c r="D56" s="110">
        <v>2312834</v>
      </c>
      <c r="E56" s="110">
        <v>1002490</v>
      </c>
      <c r="F56" s="110">
        <v>387756</v>
      </c>
      <c r="G56" s="110">
        <v>958242</v>
      </c>
      <c r="H56" s="110">
        <v>779098</v>
      </c>
      <c r="I56" s="689">
        <v>186677</v>
      </c>
      <c r="J56" s="78"/>
    </row>
    <row r="57" spans="1:10" s="114" customFormat="1" ht="13.5" customHeight="1" thickBot="1">
      <c r="A57" s="430"/>
      <c r="B57" s="687" t="s">
        <v>250</v>
      </c>
      <c r="C57" s="112">
        <v>2324007</v>
      </c>
      <c r="D57" s="112">
        <v>926256</v>
      </c>
      <c r="E57" s="112">
        <v>303699</v>
      </c>
      <c r="F57" s="112">
        <v>222384</v>
      </c>
      <c r="G57" s="112">
        <v>407382</v>
      </c>
      <c r="H57" s="112">
        <v>356316</v>
      </c>
      <c r="I57" s="389">
        <v>107970</v>
      </c>
      <c r="J57" s="78"/>
    </row>
    <row r="58" spans="1:10" ht="9" customHeight="1" thickTop="1">
      <c r="A58" s="78"/>
      <c r="B58" s="115"/>
      <c r="C58" s="78"/>
      <c r="D58" s="78"/>
      <c r="E58" s="78"/>
      <c r="F58" s="78"/>
      <c r="G58" s="78"/>
      <c r="H58" s="78"/>
      <c r="I58" s="78"/>
      <c r="J58" s="78"/>
    </row>
    <row r="59" spans="1:10" ht="14.25">
      <c r="A59" s="30" t="s">
        <v>251</v>
      </c>
      <c r="B59" s="113"/>
      <c r="C59" s="114"/>
    </row>
  </sheetData>
  <mergeCells count="8">
    <mergeCell ref="H2:H3"/>
    <mergeCell ref="I2:I3"/>
    <mergeCell ref="A2:B3"/>
    <mergeCell ref="C2:C3"/>
    <mergeCell ref="D2:D3"/>
    <mergeCell ref="E2:E3"/>
    <mergeCell ref="F2:F3"/>
    <mergeCell ref="G2:G3"/>
  </mergeCells>
  <phoneticPr fontId="2"/>
  <printOptions horizontalCentered="1" gridLinesSet="0"/>
  <pageMargins left="0.70866141732283472" right="0.70866141732283472" top="0.70866141732283472" bottom="0.70866141732283472" header="0.31496062992125984" footer="0.19685039370078741"/>
  <pageSetup paperSize="9" scale="87" firstPageNumber="11" orientation="portrait" blackAndWhite="1" r:id="rId1"/>
  <headerFooter scaleWithDoc="0"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49"/>
  <sheetViews>
    <sheetView zoomScaleNormal="100" workbookViewId="0"/>
  </sheetViews>
  <sheetFormatPr defaultRowHeight="13.5"/>
  <cols>
    <col min="1" max="1" width="3.75" style="79" customWidth="1"/>
    <col min="2" max="2" width="11.25" style="657" customWidth="1"/>
    <col min="3" max="9" width="12.5" style="79" customWidth="1"/>
    <col min="10" max="10" width="9" style="79"/>
    <col min="11" max="15" width="11.375" style="416" customWidth="1"/>
    <col min="16" max="16384" width="9" style="79"/>
  </cols>
  <sheetData>
    <row r="1" spans="1:15" ht="15" customHeight="1" thickBot="1">
      <c r="A1" s="656" t="s">
        <v>252</v>
      </c>
      <c r="C1" s="658"/>
    </row>
    <row r="2" spans="1:15" s="114" customFormat="1" ht="13.5" customHeight="1" thickTop="1">
      <c r="A2" s="985" t="s">
        <v>253</v>
      </c>
      <c r="B2" s="986"/>
      <c r="C2" s="958" t="s">
        <v>185</v>
      </c>
      <c r="D2" s="958" t="s">
        <v>186</v>
      </c>
      <c r="E2" s="958" t="s">
        <v>187</v>
      </c>
      <c r="F2" s="958" t="s">
        <v>188</v>
      </c>
      <c r="G2" s="958" t="s">
        <v>189</v>
      </c>
      <c r="H2" s="958" t="s">
        <v>254</v>
      </c>
      <c r="I2" s="977" t="s">
        <v>191</v>
      </c>
      <c r="J2" s="78"/>
      <c r="K2" s="116"/>
      <c r="L2" s="116"/>
      <c r="M2" s="116"/>
      <c r="N2" s="116"/>
      <c r="O2" s="116"/>
    </row>
    <row r="3" spans="1:15" s="114" customFormat="1" ht="13.5" customHeight="1">
      <c r="A3" s="987"/>
      <c r="B3" s="988"/>
      <c r="C3" s="959"/>
      <c r="D3" s="959"/>
      <c r="E3" s="959"/>
      <c r="F3" s="959"/>
      <c r="G3" s="959"/>
      <c r="H3" s="959"/>
      <c r="I3" s="978"/>
      <c r="J3" s="78"/>
      <c r="K3" s="116"/>
      <c r="L3" s="116"/>
      <c r="M3" s="116"/>
      <c r="N3" s="116"/>
      <c r="O3" s="116"/>
    </row>
    <row r="4" spans="1:15" s="114" customFormat="1" ht="13.5" customHeight="1">
      <c r="A4" s="116"/>
      <c r="B4" s="659"/>
      <c r="C4" s="105" t="s">
        <v>192</v>
      </c>
      <c r="D4" s="105" t="s">
        <v>192</v>
      </c>
      <c r="E4" s="105" t="s">
        <v>192</v>
      </c>
      <c r="F4" s="106" t="s">
        <v>192</v>
      </c>
      <c r="G4" s="106" t="s">
        <v>192</v>
      </c>
      <c r="H4" s="106" t="s">
        <v>192</v>
      </c>
      <c r="I4" s="106" t="s">
        <v>192</v>
      </c>
      <c r="J4" s="78"/>
      <c r="K4" s="116"/>
      <c r="L4" s="116"/>
      <c r="M4" s="116"/>
      <c r="N4" s="116"/>
      <c r="O4" s="116"/>
    </row>
    <row r="5" spans="1:15" s="114" customFormat="1" ht="13.5" customHeight="1">
      <c r="A5" s="80"/>
      <c r="B5" s="659" t="s">
        <v>194</v>
      </c>
      <c r="C5" s="107">
        <v>9227901</v>
      </c>
      <c r="D5" s="108">
        <v>3769595</v>
      </c>
      <c r="E5" s="108">
        <v>1540516</v>
      </c>
      <c r="F5" s="108">
        <v>679613</v>
      </c>
      <c r="G5" s="108">
        <v>1590272</v>
      </c>
      <c r="H5" s="108">
        <v>1315618</v>
      </c>
      <c r="I5" s="108">
        <v>332287</v>
      </c>
      <c r="J5" s="78"/>
      <c r="K5" s="116"/>
      <c r="L5" s="116"/>
      <c r="M5" s="116"/>
      <c r="N5" s="116"/>
      <c r="O5" s="116"/>
    </row>
    <row r="6" spans="1:15" s="114" customFormat="1" ht="13.5" customHeight="1">
      <c r="A6" s="80"/>
      <c r="B6" s="660"/>
      <c r="C6" s="99"/>
      <c r="D6" s="100"/>
      <c r="E6" s="100"/>
      <c r="F6" s="100"/>
      <c r="G6" s="101"/>
      <c r="H6" s="102"/>
      <c r="I6" s="100"/>
      <c r="J6" s="78"/>
      <c r="K6" s="78"/>
      <c r="L6" s="78"/>
      <c r="M6" s="78"/>
      <c r="N6" s="78"/>
      <c r="O6" s="78"/>
    </row>
    <row r="7" spans="1:15" s="114" customFormat="1" ht="13.5" customHeight="1">
      <c r="A7" s="80" t="s">
        <v>255</v>
      </c>
      <c r="B7" s="659" t="s">
        <v>256</v>
      </c>
      <c r="C7" s="110">
        <v>666586</v>
      </c>
      <c r="D7" s="661">
        <v>271561</v>
      </c>
      <c r="E7" s="661">
        <v>120553</v>
      </c>
      <c r="F7" s="661">
        <v>42643</v>
      </c>
      <c r="G7" s="661">
        <v>114000</v>
      </c>
      <c r="H7" s="661">
        <v>97407</v>
      </c>
      <c r="I7" s="104">
        <v>20422</v>
      </c>
      <c r="J7" s="78"/>
      <c r="K7" s="78"/>
      <c r="L7" s="78"/>
      <c r="M7" s="78"/>
      <c r="N7" s="78"/>
      <c r="O7" s="78"/>
    </row>
    <row r="8" spans="1:15" s="114" customFormat="1" ht="13.5" customHeight="1">
      <c r="A8" s="80" t="s">
        <v>257</v>
      </c>
      <c r="B8" s="659" t="s">
        <v>258</v>
      </c>
      <c r="C8" s="110">
        <v>777964</v>
      </c>
      <c r="D8" s="662">
        <v>316271</v>
      </c>
      <c r="E8" s="662">
        <v>123772</v>
      </c>
      <c r="F8" s="662">
        <v>58584</v>
      </c>
      <c r="G8" s="662">
        <v>134765</v>
      </c>
      <c r="H8" s="662">
        <v>117284</v>
      </c>
      <c r="I8" s="104">
        <v>27288</v>
      </c>
      <c r="J8" s="78"/>
      <c r="K8" s="78"/>
      <c r="L8" s="78"/>
      <c r="M8" s="78"/>
      <c r="N8" s="78"/>
      <c r="O8" s="78"/>
    </row>
    <row r="9" spans="1:15" s="114" customFormat="1" ht="13.5" customHeight="1">
      <c r="A9" s="80">
        <v>5</v>
      </c>
      <c r="B9" s="659" t="s">
        <v>259</v>
      </c>
      <c r="C9" s="110">
        <v>992385</v>
      </c>
      <c r="D9" s="662">
        <v>407130</v>
      </c>
      <c r="E9" s="662">
        <v>200805</v>
      </c>
      <c r="F9" s="662">
        <v>57243</v>
      </c>
      <c r="G9" s="662">
        <v>170613</v>
      </c>
      <c r="H9" s="662">
        <v>128000</v>
      </c>
      <c r="I9" s="104">
        <v>28594</v>
      </c>
      <c r="J9" s="78"/>
      <c r="K9" s="78"/>
      <c r="L9" s="78"/>
      <c r="M9" s="78"/>
      <c r="N9" s="78"/>
      <c r="O9" s="78"/>
    </row>
    <row r="10" spans="1:15" s="114" customFormat="1" ht="13.5" customHeight="1">
      <c r="A10" s="80" t="s">
        <v>204</v>
      </c>
      <c r="B10" s="659" t="s">
        <v>260</v>
      </c>
      <c r="C10" s="110">
        <v>1016426</v>
      </c>
      <c r="D10" s="662">
        <v>413667</v>
      </c>
      <c r="E10" s="662">
        <v>205855</v>
      </c>
      <c r="F10" s="662">
        <v>59346</v>
      </c>
      <c r="G10" s="662">
        <v>173128</v>
      </c>
      <c r="H10" s="662">
        <v>134245</v>
      </c>
      <c r="I10" s="104">
        <v>30185</v>
      </c>
      <c r="J10" s="78"/>
      <c r="K10" s="78"/>
      <c r="L10" s="78"/>
      <c r="M10" s="78"/>
      <c r="N10" s="78"/>
      <c r="O10" s="78"/>
    </row>
    <row r="11" spans="1:15" s="114" customFormat="1" ht="13.5" customHeight="1">
      <c r="A11" s="80">
        <v>1</v>
      </c>
      <c r="B11" s="660" t="s">
        <v>261</v>
      </c>
      <c r="C11" s="99">
        <v>1315285</v>
      </c>
      <c r="D11" s="663">
        <v>534778</v>
      </c>
      <c r="E11" s="663">
        <v>232400</v>
      </c>
      <c r="F11" s="663">
        <v>90928</v>
      </c>
      <c r="G11" s="663">
        <v>225849</v>
      </c>
      <c r="H11" s="663">
        <v>188545</v>
      </c>
      <c r="I11" s="664">
        <v>42785</v>
      </c>
      <c r="J11" s="78"/>
      <c r="K11" s="78"/>
      <c r="L11" s="78"/>
      <c r="M11" s="78"/>
      <c r="N11" s="78"/>
      <c r="O11" s="78"/>
    </row>
    <row r="12" spans="1:15" s="114" customFormat="1" ht="13.5" customHeight="1">
      <c r="A12" s="80" t="s">
        <v>207</v>
      </c>
      <c r="B12" s="659" t="s">
        <v>262</v>
      </c>
      <c r="C12" s="110">
        <v>1404065</v>
      </c>
      <c r="D12" s="662">
        <v>586028</v>
      </c>
      <c r="E12" s="662">
        <v>227856</v>
      </c>
      <c r="F12" s="662">
        <v>104935</v>
      </c>
      <c r="G12" s="662">
        <v>238545</v>
      </c>
      <c r="H12" s="662">
        <v>197433</v>
      </c>
      <c r="I12" s="104">
        <v>49268</v>
      </c>
      <c r="J12" s="78"/>
      <c r="K12" s="78"/>
      <c r="L12" s="78"/>
      <c r="M12" s="78"/>
      <c r="N12" s="78"/>
      <c r="O12" s="78"/>
    </row>
    <row r="13" spans="1:15" s="114" customFormat="1" ht="13.5" customHeight="1">
      <c r="A13" s="80">
        <v>1</v>
      </c>
      <c r="B13" s="659" t="s">
        <v>263</v>
      </c>
      <c r="C13" s="110">
        <v>977593</v>
      </c>
      <c r="D13" s="662">
        <v>400624</v>
      </c>
      <c r="E13" s="662">
        <v>143466</v>
      </c>
      <c r="F13" s="662">
        <v>80703</v>
      </c>
      <c r="G13" s="662">
        <v>167479</v>
      </c>
      <c r="H13" s="662">
        <v>143682</v>
      </c>
      <c r="I13" s="104">
        <v>41639</v>
      </c>
      <c r="J13" s="78"/>
      <c r="K13" s="78"/>
      <c r="L13" s="78"/>
      <c r="M13" s="78"/>
      <c r="N13" s="78"/>
      <c r="O13" s="78"/>
    </row>
    <row r="14" spans="1:15" s="114" customFormat="1" ht="13.5" customHeight="1">
      <c r="A14" s="80" t="s">
        <v>210</v>
      </c>
      <c r="B14" s="659" t="s">
        <v>264</v>
      </c>
      <c r="C14" s="110">
        <v>1068153</v>
      </c>
      <c r="D14" s="662">
        <v>419214</v>
      </c>
      <c r="E14" s="662">
        <v>137448</v>
      </c>
      <c r="F14" s="662">
        <v>99807</v>
      </c>
      <c r="G14" s="662">
        <v>194801</v>
      </c>
      <c r="H14" s="662">
        <v>166900</v>
      </c>
      <c r="I14" s="104">
        <v>49983</v>
      </c>
      <c r="J14" s="78"/>
      <c r="K14" s="78"/>
      <c r="L14" s="78"/>
      <c r="M14" s="78"/>
      <c r="N14" s="78"/>
      <c r="O14" s="78"/>
    </row>
    <row r="15" spans="1:15" s="114" customFormat="1" ht="13.5" customHeight="1">
      <c r="A15" s="80" t="s">
        <v>212</v>
      </c>
      <c r="B15" s="659" t="s">
        <v>265</v>
      </c>
      <c r="C15" s="110">
        <v>641558</v>
      </c>
      <c r="D15" s="662">
        <v>258604</v>
      </c>
      <c r="E15" s="662">
        <v>80725</v>
      </c>
      <c r="F15" s="662">
        <v>64997</v>
      </c>
      <c r="G15" s="662">
        <v>110180</v>
      </c>
      <c r="H15" s="662">
        <v>97390</v>
      </c>
      <c r="I15" s="104">
        <v>29662</v>
      </c>
      <c r="J15" s="78"/>
      <c r="K15" s="78"/>
      <c r="L15" s="78"/>
      <c r="M15" s="78"/>
      <c r="N15" s="78"/>
      <c r="O15" s="78"/>
    </row>
    <row r="16" spans="1:15" s="114" customFormat="1" ht="13.5" customHeight="1">
      <c r="A16" s="80" t="s">
        <v>214</v>
      </c>
      <c r="B16" s="659" t="s">
        <v>266</v>
      </c>
      <c r="C16" s="99">
        <v>148782</v>
      </c>
      <c r="D16" s="663">
        <v>61044</v>
      </c>
      <c r="E16" s="663">
        <v>20564</v>
      </c>
      <c r="F16" s="663">
        <v>16020</v>
      </c>
      <c r="G16" s="663">
        <v>21432</v>
      </c>
      <c r="H16" s="663">
        <v>22582</v>
      </c>
      <c r="I16" s="664">
        <v>7140</v>
      </c>
      <c r="J16" s="78"/>
      <c r="K16" s="78"/>
      <c r="L16" s="78"/>
      <c r="M16" s="78"/>
      <c r="N16" s="78"/>
      <c r="O16" s="78"/>
    </row>
    <row r="17" spans="1:15" s="114" customFormat="1" ht="13.5" customHeight="1" thickBot="1">
      <c r="A17" s="80"/>
      <c r="B17" s="665" t="s">
        <v>222</v>
      </c>
      <c r="C17" s="99">
        <v>5034</v>
      </c>
      <c r="D17" s="666">
        <v>1885</v>
      </c>
      <c r="E17" s="666">
        <v>722</v>
      </c>
      <c r="F17" s="666">
        <v>592</v>
      </c>
      <c r="G17" s="666">
        <v>719</v>
      </c>
      <c r="H17" s="666">
        <v>856</v>
      </c>
      <c r="I17" s="667">
        <v>260</v>
      </c>
      <c r="J17" s="78"/>
      <c r="K17" s="78"/>
      <c r="L17" s="78"/>
      <c r="M17" s="78"/>
      <c r="N17" s="78"/>
      <c r="O17" s="78"/>
    </row>
    <row r="18" spans="1:15" ht="13.5" customHeight="1" thickTop="1">
      <c r="A18" s="668"/>
      <c r="B18" s="669"/>
      <c r="C18" s="670" t="s">
        <v>192</v>
      </c>
      <c r="D18" s="670" t="s">
        <v>192</v>
      </c>
      <c r="E18" s="670" t="s">
        <v>192</v>
      </c>
      <c r="F18" s="670" t="s">
        <v>192</v>
      </c>
      <c r="G18" s="670" t="s">
        <v>192</v>
      </c>
      <c r="H18" s="670" t="s">
        <v>192</v>
      </c>
      <c r="I18" s="671" t="s">
        <v>192</v>
      </c>
      <c r="J18" s="116"/>
      <c r="K18" s="116"/>
      <c r="L18" s="116"/>
      <c r="M18" s="116"/>
      <c r="N18" s="116"/>
      <c r="O18" s="116"/>
    </row>
    <row r="19" spans="1:15" ht="13.5" customHeight="1">
      <c r="A19" s="80"/>
      <c r="B19" s="672" t="s">
        <v>194</v>
      </c>
      <c r="C19" s="673">
        <v>9231177</v>
      </c>
      <c r="D19" s="673">
        <v>3772029</v>
      </c>
      <c r="E19" s="673">
        <v>1538825</v>
      </c>
      <c r="F19" s="673">
        <v>685839</v>
      </c>
      <c r="G19" s="673">
        <v>1586768</v>
      </c>
      <c r="H19" s="673">
        <v>1313636</v>
      </c>
      <c r="I19" s="674">
        <v>334080</v>
      </c>
      <c r="J19" s="116"/>
      <c r="K19" s="116"/>
      <c r="L19" s="116"/>
      <c r="M19" s="116"/>
      <c r="N19" s="116"/>
      <c r="O19" s="116"/>
    </row>
    <row r="20" spans="1:15" ht="13.5" customHeight="1">
      <c r="A20" s="80"/>
      <c r="B20" s="675"/>
      <c r="C20" s="99"/>
      <c r="D20" s="101"/>
      <c r="E20" s="100"/>
      <c r="F20" s="101"/>
      <c r="G20" s="101"/>
      <c r="H20" s="101"/>
      <c r="I20" s="100"/>
      <c r="J20" s="78"/>
      <c r="K20" s="116"/>
      <c r="L20" s="116"/>
      <c r="M20" s="116"/>
      <c r="N20" s="116"/>
      <c r="O20" s="116"/>
    </row>
    <row r="21" spans="1:15" ht="13.5" customHeight="1">
      <c r="A21" s="80" t="s">
        <v>255</v>
      </c>
      <c r="B21" s="659" t="s">
        <v>267</v>
      </c>
      <c r="C21" s="110">
        <v>682408</v>
      </c>
      <c r="D21" s="676">
        <v>278384</v>
      </c>
      <c r="E21" s="676">
        <v>124124</v>
      </c>
      <c r="F21" s="661">
        <v>43953</v>
      </c>
      <c r="G21" s="661">
        <v>115773</v>
      </c>
      <c r="H21" s="661">
        <v>99099</v>
      </c>
      <c r="I21" s="677">
        <v>21075</v>
      </c>
      <c r="J21" s="78"/>
      <c r="K21" s="116"/>
      <c r="L21" s="116"/>
      <c r="M21" s="116"/>
      <c r="N21" s="116"/>
      <c r="O21" s="116"/>
    </row>
    <row r="22" spans="1:15" ht="13.5" customHeight="1">
      <c r="A22" s="80" t="s">
        <v>257</v>
      </c>
      <c r="B22" s="659" t="s">
        <v>268</v>
      </c>
      <c r="C22" s="110">
        <v>782240</v>
      </c>
      <c r="D22" s="678">
        <v>317974</v>
      </c>
      <c r="E22" s="678">
        <v>123674</v>
      </c>
      <c r="F22" s="104">
        <v>59350</v>
      </c>
      <c r="G22" s="662">
        <v>135759</v>
      </c>
      <c r="H22" s="104">
        <v>117687</v>
      </c>
      <c r="I22" s="679">
        <v>27796</v>
      </c>
      <c r="J22" s="78"/>
      <c r="K22" s="116"/>
      <c r="L22" s="116"/>
      <c r="M22" s="116"/>
      <c r="N22" s="116"/>
      <c r="O22" s="116"/>
    </row>
    <row r="23" spans="1:15" ht="13.5" customHeight="1">
      <c r="A23" s="80">
        <v>4</v>
      </c>
      <c r="B23" s="659" t="s">
        <v>269</v>
      </c>
      <c r="C23" s="110">
        <v>978913</v>
      </c>
      <c r="D23" s="678">
        <v>400821</v>
      </c>
      <c r="E23" s="678">
        <v>196942</v>
      </c>
      <c r="F23" s="104">
        <v>57830</v>
      </c>
      <c r="G23" s="662">
        <v>167907</v>
      </c>
      <c r="H23" s="104">
        <v>126686</v>
      </c>
      <c r="I23" s="679">
        <v>28727</v>
      </c>
      <c r="J23" s="78"/>
      <c r="K23" s="116"/>
      <c r="L23" s="116"/>
      <c r="M23" s="116"/>
      <c r="N23" s="116"/>
      <c r="O23" s="116"/>
    </row>
    <row r="24" spans="1:15" ht="13.5" customHeight="1">
      <c r="A24" s="80" t="s">
        <v>204</v>
      </c>
      <c r="B24" s="659" t="s">
        <v>270</v>
      </c>
      <c r="C24" s="110">
        <v>1030414</v>
      </c>
      <c r="D24" s="678">
        <v>419985</v>
      </c>
      <c r="E24" s="678">
        <v>208842</v>
      </c>
      <c r="F24" s="104">
        <v>61114</v>
      </c>
      <c r="G24" s="662">
        <v>173630</v>
      </c>
      <c r="H24" s="104">
        <v>136278</v>
      </c>
      <c r="I24" s="679">
        <v>30565</v>
      </c>
      <c r="J24" s="78"/>
      <c r="K24" s="116"/>
      <c r="L24" s="116"/>
      <c r="M24" s="116"/>
      <c r="N24" s="116"/>
      <c r="O24" s="116"/>
    </row>
    <row r="25" spans="1:15" ht="13.5" customHeight="1">
      <c r="A25" s="80">
        <v>1</v>
      </c>
      <c r="B25" s="660" t="s">
        <v>271</v>
      </c>
      <c r="C25" s="99">
        <v>1359787</v>
      </c>
      <c r="D25" s="678">
        <v>553281</v>
      </c>
      <c r="E25" s="678">
        <v>239219</v>
      </c>
      <c r="F25" s="104">
        <v>95311</v>
      </c>
      <c r="G25" s="662">
        <v>233696</v>
      </c>
      <c r="H25" s="104">
        <v>193858</v>
      </c>
      <c r="I25" s="679">
        <v>44422</v>
      </c>
      <c r="J25" s="78"/>
      <c r="K25" s="116"/>
      <c r="L25" s="116"/>
      <c r="M25" s="116"/>
      <c r="N25" s="116"/>
      <c r="O25" s="116"/>
    </row>
    <row r="26" spans="1:15" ht="13.5" customHeight="1">
      <c r="A26" s="80" t="s">
        <v>207</v>
      </c>
      <c r="B26" s="659" t="s">
        <v>272</v>
      </c>
      <c r="C26" s="110">
        <v>1362218</v>
      </c>
      <c r="D26" s="676">
        <v>570572</v>
      </c>
      <c r="E26" s="676">
        <v>221086</v>
      </c>
      <c r="F26" s="677">
        <v>101897</v>
      </c>
      <c r="G26" s="661">
        <v>230133</v>
      </c>
      <c r="H26" s="680">
        <v>190609</v>
      </c>
      <c r="I26" s="677">
        <v>47921</v>
      </c>
      <c r="J26" s="78"/>
      <c r="K26" s="116"/>
      <c r="L26" s="116"/>
      <c r="M26" s="116"/>
      <c r="N26" s="116"/>
      <c r="O26" s="116"/>
    </row>
    <row r="27" spans="1:15" ht="13.5" customHeight="1">
      <c r="A27" s="80">
        <v>1</v>
      </c>
      <c r="B27" s="659" t="s">
        <v>273</v>
      </c>
      <c r="C27" s="110">
        <v>978449</v>
      </c>
      <c r="D27" s="678">
        <v>398830</v>
      </c>
      <c r="E27" s="678">
        <v>141961</v>
      </c>
      <c r="F27" s="679">
        <v>81473</v>
      </c>
      <c r="G27" s="662">
        <v>169174</v>
      </c>
      <c r="H27" s="104">
        <v>144585</v>
      </c>
      <c r="I27" s="679">
        <v>42426</v>
      </c>
      <c r="J27" s="78"/>
      <c r="K27" s="116"/>
      <c r="L27" s="116"/>
      <c r="M27" s="116"/>
      <c r="N27" s="116"/>
      <c r="O27" s="116"/>
    </row>
    <row r="28" spans="1:15" ht="13.5" customHeight="1">
      <c r="A28" s="80" t="s">
        <v>210</v>
      </c>
      <c r="B28" s="659" t="s">
        <v>274</v>
      </c>
      <c r="C28" s="110">
        <v>1078760</v>
      </c>
      <c r="D28" s="678">
        <v>423131</v>
      </c>
      <c r="E28" s="681">
        <v>137877</v>
      </c>
      <c r="F28" s="679">
        <v>102072</v>
      </c>
      <c r="G28" s="662">
        <v>196998</v>
      </c>
      <c r="H28" s="104">
        <v>168429</v>
      </c>
      <c r="I28" s="679">
        <v>50253</v>
      </c>
      <c r="J28" s="78"/>
      <c r="K28" s="116"/>
      <c r="L28" s="116"/>
      <c r="M28" s="116"/>
      <c r="N28" s="116"/>
      <c r="O28" s="116"/>
    </row>
    <row r="29" spans="1:15" ht="13.5" customHeight="1">
      <c r="A29" s="80" t="s">
        <v>212</v>
      </c>
      <c r="B29" s="659" t="s">
        <v>275</v>
      </c>
      <c r="C29" s="110">
        <v>618831</v>
      </c>
      <c r="D29" s="678">
        <v>250832</v>
      </c>
      <c r="E29" s="678">
        <v>78810</v>
      </c>
      <c r="F29" s="679">
        <v>63136</v>
      </c>
      <c r="G29" s="662">
        <v>104280</v>
      </c>
      <c r="H29" s="104">
        <v>92985</v>
      </c>
      <c r="I29" s="679">
        <v>28788</v>
      </c>
      <c r="J29" s="78"/>
      <c r="K29" s="116"/>
      <c r="L29" s="116"/>
      <c r="M29" s="116"/>
      <c r="N29" s="116"/>
      <c r="O29" s="116"/>
    </row>
    <row r="30" spans="1:15" ht="13.5" customHeight="1">
      <c r="A30" s="80" t="s">
        <v>214</v>
      </c>
      <c r="B30" s="659" t="s">
        <v>276</v>
      </c>
      <c r="C30" s="110">
        <v>140277</v>
      </c>
      <c r="D30" s="678">
        <v>57573</v>
      </c>
      <c r="E30" s="678">
        <v>19252</v>
      </c>
      <c r="F30" s="679">
        <v>15302</v>
      </c>
      <c r="G30" s="662">
        <v>20002</v>
      </c>
      <c r="H30" s="104">
        <v>21363</v>
      </c>
      <c r="I30" s="679">
        <v>6785</v>
      </c>
      <c r="J30" s="78"/>
      <c r="K30" s="116"/>
      <c r="L30" s="116"/>
      <c r="M30" s="116"/>
      <c r="N30" s="116"/>
      <c r="O30" s="116"/>
    </row>
    <row r="31" spans="1:15" ht="13.5" customHeight="1" thickBot="1">
      <c r="A31" s="72"/>
      <c r="B31" s="857" t="s">
        <v>247</v>
      </c>
      <c r="C31" s="858">
        <v>4806</v>
      </c>
      <c r="D31" s="859">
        <v>1857</v>
      </c>
      <c r="E31" s="859">
        <v>688</v>
      </c>
      <c r="F31" s="860">
        <v>586</v>
      </c>
      <c r="G31" s="861">
        <v>654</v>
      </c>
      <c r="H31" s="860">
        <v>762</v>
      </c>
      <c r="I31" s="862">
        <v>259</v>
      </c>
      <c r="J31" s="78"/>
      <c r="K31" s="116"/>
      <c r="L31" s="116"/>
      <c r="M31" s="116"/>
      <c r="N31" s="116"/>
      <c r="O31" s="116"/>
    </row>
    <row r="32" spans="1:15" ht="9" customHeight="1" thickTop="1">
      <c r="A32" s="78"/>
      <c r="B32" s="115"/>
      <c r="C32" s="682"/>
      <c r="D32" s="78"/>
      <c r="E32" s="78"/>
      <c r="F32" s="78"/>
      <c r="G32" s="78"/>
      <c r="H32" s="78"/>
      <c r="I32" s="78"/>
      <c r="J32" s="78"/>
      <c r="K32" s="116"/>
      <c r="L32" s="116"/>
      <c r="M32" s="116"/>
      <c r="N32" s="116"/>
      <c r="O32" s="116"/>
    </row>
    <row r="33" spans="1:15">
      <c r="A33" s="30" t="s">
        <v>251</v>
      </c>
      <c r="B33" s="115"/>
      <c r="C33" s="78"/>
      <c r="D33" s="78"/>
      <c r="E33" s="78"/>
      <c r="F33" s="78"/>
      <c r="G33" s="78"/>
      <c r="H33" s="78"/>
      <c r="I33" s="78"/>
      <c r="J33" s="78"/>
      <c r="K33" s="116"/>
      <c r="L33" s="116"/>
      <c r="M33" s="116"/>
      <c r="N33" s="79"/>
      <c r="O33" s="79"/>
    </row>
    <row r="34" spans="1:15">
      <c r="A34" s="78"/>
      <c r="B34" s="115"/>
      <c r="C34" s="78"/>
      <c r="D34" s="78"/>
      <c r="E34" s="78"/>
      <c r="F34" s="78"/>
      <c r="G34" s="78"/>
      <c r="H34" s="78"/>
      <c r="I34" s="78"/>
      <c r="J34" s="78"/>
      <c r="K34" s="116"/>
      <c r="L34" s="116"/>
      <c r="M34" s="116"/>
      <c r="N34" s="116"/>
      <c r="O34" s="116"/>
    </row>
    <row r="35" spans="1:15">
      <c r="A35" s="78"/>
      <c r="B35" s="115"/>
      <c r="C35" s="78"/>
      <c r="D35" s="78"/>
      <c r="E35" s="78"/>
      <c r="F35" s="78"/>
      <c r="G35" s="78"/>
      <c r="H35" s="78"/>
      <c r="I35" s="78"/>
      <c r="J35" s="78"/>
      <c r="K35" s="116"/>
      <c r="L35" s="116"/>
      <c r="M35" s="116"/>
      <c r="N35" s="116"/>
      <c r="O35" s="116"/>
    </row>
    <row r="36" spans="1:15">
      <c r="A36" s="78"/>
      <c r="B36" s="115"/>
      <c r="C36" s="78"/>
      <c r="D36" s="78"/>
      <c r="E36" s="78"/>
      <c r="F36" s="78"/>
      <c r="G36" s="78"/>
      <c r="H36" s="78"/>
      <c r="I36" s="78"/>
      <c r="J36" s="78"/>
      <c r="K36" s="116"/>
      <c r="L36" s="116"/>
      <c r="M36" s="116"/>
      <c r="N36" s="116"/>
      <c r="O36" s="116"/>
    </row>
    <row r="37" spans="1:15">
      <c r="A37" s="78"/>
      <c r="B37" s="115"/>
      <c r="C37" s="78"/>
      <c r="D37" s="78"/>
      <c r="E37" s="78"/>
      <c r="F37" s="78"/>
      <c r="G37" s="78"/>
      <c r="H37" s="78"/>
      <c r="I37" s="78"/>
      <c r="J37" s="78"/>
      <c r="K37" s="116"/>
      <c r="L37" s="116"/>
      <c r="M37" s="116"/>
      <c r="N37" s="116"/>
      <c r="O37" s="116"/>
    </row>
    <row r="38" spans="1:15">
      <c r="A38" s="78"/>
      <c r="B38" s="115"/>
      <c r="C38" s="78"/>
      <c r="D38" s="78"/>
      <c r="E38" s="78"/>
      <c r="F38" s="78"/>
      <c r="G38" s="78"/>
      <c r="H38" s="78"/>
      <c r="I38" s="78"/>
      <c r="J38" s="78"/>
      <c r="K38" s="116"/>
      <c r="L38" s="116"/>
      <c r="M38" s="116"/>
      <c r="N38" s="116"/>
      <c r="O38" s="116"/>
    </row>
    <row r="39" spans="1:15">
      <c r="A39" s="78"/>
      <c r="B39" s="115"/>
      <c r="C39" s="78"/>
      <c r="D39" s="78"/>
      <c r="E39" s="78"/>
      <c r="F39" s="78"/>
      <c r="G39" s="78"/>
      <c r="H39" s="78"/>
      <c r="I39" s="78"/>
      <c r="J39" s="78"/>
      <c r="K39" s="116"/>
      <c r="L39" s="116"/>
      <c r="M39" s="116"/>
      <c r="N39" s="116"/>
      <c r="O39" s="116"/>
    </row>
    <row r="40" spans="1:15">
      <c r="A40" s="78"/>
      <c r="B40" s="115"/>
      <c r="C40" s="78"/>
      <c r="D40" s="78"/>
      <c r="E40" s="78"/>
      <c r="F40" s="78"/>
      <c r="G40" s="78"/>
      <c r="H40" s="78"/>
      <c r="I40" s="78"/>
      <c r="J40" s="78"/>
      <c r="K40" s="116"/>
      <c r="L40" s="116"/>
      <c r="M40" s="116"/>
      <c r="N40" s="116"/>
      <c r="O40" s="116"/>
    </row>
    <row r="41" spans="1:15">
      <c r="A41" s="78"/>
      <c r="B41" s="115"/>
      <c r="C41" s="78"/>
      <c r="D41" s="78"/>
      <c r="E41" s="78"/>
      <c r="F41" s="78"/>
      <c r="G41" s="78"/>
      <c r="H41" s="78"/>
      <c r="I41" s="78"/>
      <c r="J41" s="78"/>
      <c r="K41" s="116"/>
      <c r="L41" s="116"/>
      <c r="M41" s="116"/>
      <c r="N41" s="116"/>
      <c r="O41" s="116"/>
    </row>
    <row r="42" spans="1:15">
      <c r="A42" s="78"/>
      <c r="B42" s="115"/>
      <c r="C42" s="78"/>
      <c r="D42" s="78"/>
      <c r="E42" s="78"/>
      <c r="F42" s="78"/>
      <c r="G42" s="78"/>
      <c r="H42" s="78"/>
      <c r="I42" s="78"/>
      <c r="J42" s="78"/>
      <c r="K42" s="116"/>
      <c r="L42" s="116"/>
      <c r="M42" s="116"/>
      <c r="N42" s="116"/>
      <c r="O42" s="116"/>
    </row>
    <row r="43" spans="1:15">
      <c r="A43" s="78"/>
      <c r="B43" s="115"/>
      <c r="C43" s="78"/>
      <c r="D43" s="78"/>
      <c r="E43" s="78"/>
      <c r="F43" s="78"/>
      <c r="G43" s="78"/>
      <c r="H43" s="78"/>
      <c r="I43" s="78"/>
      <c r="J43" s="78"/>
      <c r="K43" s="116"/>
      <c r="L43" s="116"/>
      <c r="M43" s="116"/>
      <c r="N43" s="116"/>
      <c r="O43" s="116"/>
    </row>
    <row r="44" spans="1:15">
      <c r="A44" s="78"/>
      <c r="B44" s="115"/>
      <c r="C44" s="78"/>
      <c r="D44" s="78"/>
      <c r="E44" s="78"/>
      <c r="F44" s="78"/>
      <c r="G44" s="78"/>
      <c r="H44" s="78"/>
      <c r="I44" s="78"/>
      <c r="J44" s="78"/>
      <c r="K44" s="116"/>
      <c r="L44" s="116"/>
      <c r="M44" s="116"/>
      <c r="N44" s="116"/>
      <c r="O44" s="116"/>
    </row>
    <row r="45" spans="1:15">
      <c r="A45" s="78"/>
      <c r="B45" s="115"/>
      <c r="C45" s="78"/>
      <c r="D45" s="78"/>
      <c r="E45" s="78"/>
      <c r="F45" s="78"/>
      <c r="G45" s="78"/>
      <c r="H45" s="78"/>
      <c r="I45" s="78"/>
      <c r="J45" s="78"/>
      <c r="K45" s="116"/>
      <c r="L45" s="116"/>
      <c r="M45" s="116"/>
      <c r="N45" s="116"/>
      <c r="O45" s="116"/>
    </row>
    <row r="46" spans="1:15">
      <c r="A46" s="78"/>
      <c r="B46" s="115"/>
      <c r="C46" s="78"/>
      <c r="D46" s="78"/>
      <c r="E46" s="78"/>
      <c r="F46" s="78"/>
      <c r="G46" s="78"/>
      <c r="H46" s="78"/>
      <c r="I46" s="78"/>
      <c r="J46" s="78"/>
      <c r="K46" s="116"/>
      <c r="L46" s="116"/>
      <c r="M46" s="116"/>
      <c r="N46" s="116"/>
      <c r="O46" s="116"/>
    </row>
    <row r="47" spans="1:15">
      <c r="A47" s="78"/>
      <c r="B47" s="115"/>
      <c r="C47" s="78"/>
      <c r="D47" s="78"/>
      <c r="E47" s="78"/>
      <c r="F47" s="78"/>
      <c r="G47" s="78"/>
      <c r="H47" s="78"/>
      <c r="I47" s="78"/>
      <c r="J47" s="78"/>
      <c r="K47" s="116"/>
      <c r="L47" s="116"/>
      <c r="M47" s="116"/>
      <c r="N47" s="116"/>
      <c r="O47" s="116"/>
    </row>
    <row r="48" spans="1:15">
      <c r="A48" s="78"/>
      <c r="B48" s="115"/>
      <c r="C48" s="78"/>
      <c r="D48" s="78"/>
      <c r="E48" s="78"/>
      <c r="F48" s="78"/>
      <c r="G48" s="78"/>
      <c r="H48" s="78"/>
      <c r="I48" s="78"/>
      <c r="J48" s="78"/>
      <c r="K48" s="116"/>
      <c r="L48" s="116"/>
      <c r="M48" s="116"/>
      <c r="N48" s="116"/>
      <c r="O48" s="116"/>
    </row>
    <row r="49" spans="1:15">
      <c r="A49" s="78"/>
      <c r="B49" s="115"/>
      <c r="C49" s="78"/>
      <c r="D49" s="78"/>
      <c r="E49" s="78"/>
      <c r="F49" s="78"/>
      <c r="G49" s="78"/>
      <c r="H49" s="78"/>
      <c r="I49" s="78"/>
      <c r="J49" s="78"/>
      <c r="K49" s="116"/>
      <c r="L49" s="116"/>
      <c r="M49" s="116"/>
      <c r="N49" s="116"/>
      <c r="O49" s="116"/>
    </row>
  </sheetData>
  <mergeCells count="8">
    <mergeCell ref="H2:H3"/>
    <mergeCell ref="I2:I3"/>
    <mergeCell ref="A2:B3"/>
    <mergeCell ref="C2:C3"/>
    <mergeCell ref="D2:D3"/>
    <mergeCell ref="E2:E3"/>
    <mergeCell ref="F2:F3"/>
    <mergeCell ref="G2:G3"/>
  </mergeCells>
  <phoneticPr fontId="2"/>
  <printOptions horizontalCentered="1" gridLinesSet="0"/>
  <pageMargins left="0.70866141732283472" right="0.70866141732283472" top="0.70866141732283472" bottom="0.70866141732283472" header="0.31496062992125984" footer="0.19685039370078741"/>
  <pageSetup paperSize="9" scale="87" firstPageNumber="12" orientation="portrait" blackAndWhite="1" r:id="rId1"/>
  <headerFooter scaleWithDoc="0"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58"/>
  <sheetViews>
    <sheetView zoomScaleNormal="100" workbookViewId="0"/>
  </sheetViews>
  <sheetFormatPr defaultRowHeight="13.5"/>
  <cols>
    <col min="1" max="1" width="6.625" style="5" customWidth="1"/>
    <col min="2" max="2" width="13.625" style="5" customWidth="1"/>
    <col min="3" max="4" width="9" style="5"/>
    <col min="5" max="5" width="3.25" style="5" customWidth="1"/>
    <col min="6" max="6" width="6.625" style="5" customWidth="1"/>
    <col min="7" max="7" width="13.625" style="5" customWidth="1"/>
    <col min="8" max="16384" width="9" style="5"/>
  </cols>
  <sheetData>
    <row r="1" spans="1:10" ht="15" customHeight="1">
      <c r="A1" s="40" t="s">
        <v>277</v>
      </c>
    </row>
    <row r="2" spans="1:10" ht="15" customHeight="1">
      <c r="G2" s="989" t="s">
        <v>278</v>
      </c>
      <c r="H2" s="989"/>
      <c r="I2" s="989"/>
    </row>
    <row r="3" spans="1:10" ht="15" customHeight="1">
      <c r="G3" s="628"/>
      <c r="H3" s="628"/>
      <c r="I3" s="628"/>
    </row>
    <row r="4" spans="1:10" s="40" customFormat="1" ht="15" customHeight="1">
      <c r="A4" s="629" t="s">
        <v>279</v>
      </c>
    </row>
    <row r="5" spans="1:10" ht="6" customHeight="1">
      <c r="A5" s="630"/>
    </row>
    <row r="6" spans="1:10" s="4" customFormat="1" ht="15" customHeight="1" thickBot="1">
      <c r="A6" s="4" t="s">
        <v>280</v>
      </c>
      <c r="F6" s="4" t="s">
        <v>281</v>
      </c>
    </row>
    <row r="7" spans="1:10" s="4" customFormat="1" ht="15" customHeight="1" thickTop="1">
      <c r="A7" s="631" t="s">
        <v>282</v>
      </c>
      <c r="B7" s="632" t="s">
        <v>283</v>
      </c>
      <c r="C7" s="632" t="s">
        <v>284</v>
      </c>
      <c r="D7" s="633" t="s">
        <v>285</v>
      </c>
      <c r="F7" s="631" t="s">
        <v>282</v>
      </c>
      <c r="G7" s="632" t="s">
        <v>283</v>
      </c>
      <c r="H7" s="632" t="s">
        <v>284</v>
      </c>
      <c r="I7" s="633" t="s">
        <v>285</v>
      </c>
    </row>
    <row r="8" spans="1:10" ht="15" customHeight="1">
      <c r="A8" s="634">
        <v>1</v>
      </c>
      <c r="B8" s="124" t="s">
        <v>286</v>
      </c>
      <c r="C8" s="120">
        <v>14.417161504306424</v>
      </c>
      <c r="D8" s="635">
        <v>2</v>
      </c>
      <c r="F8" s="634">
        <v>1</v>
      </c>
      <c r="G8" s="124" t="s">
        <v>287</v>
      </c>
      <c r="H8" s="120">
        <v>5.8283394548617817</v>
      </c>
      <c r="I8" s="635">
        <v>1</v>
      </c>
    </row>
    <row r="9" spans="1:10" ht="15" customHeight="1">
      <c r="A9" s="634">
        <v>2</v>
      </c>
      <c r="B9" s="636" t="s">
        <v>288</v>
      </c>
      <c r="C9" s="120">
        <v>14.35200279734819</v>
      </c>
      <c r="D9" s="635">
        <v>1</v>
      </c>
      <c r="F9" s="634">
        <v>2</v>
      </c>
      <c r="G9" s="124" t="s">
        <v>289</v>
      </c>
      <c r="H9" s="120">
        <v>6.2645011600928076</v>
      </c>
      <c r="I9" s="635">
        <v>2</v>
      </c>
    </row>
    <row r="10" spans="1:10" ht="15" customHeight="1">
      <c r="A10" s="634">
        <v>3</v>
      </c>
      <c r="B10" s="119" t="s">
        <v>290</v>
      </c>
      <c r="C10" s="120">
        <v>13.511310908684623</v>
      </c>
      <c r="D10" s="635">
        <v>3</v>
      </c>
      <c r="F10" s="634">
        <v>3</v>
      </c>
      <c r="G10" s="124" t="s">
        <v>291</v>
      </c>
      <c r="H10" s="120">
        <v>6.9090909090909092</v>
      </c>
      <c r="I10" s="635">
        <v>3</v>
      </c>
      <c r="J10" s="118"/>
    </row>
    <row r="11" spans="1:10" ht="15" customHeight="1">
      <c r="A11" s="634">
        <v>4</v>
      </c>
      <c r="B11" s="124" t="s">
        <v>292</v>
      </c>
      <c r="C11" s="120">
        <v>13.353722495256278</v>
      </c>
      <c r="D11" s="635">
        <v>4</v>
      </c>
      <c r="F11" s="634">
        <v>4</v>
      </c>
      <c r="G11" s="124" t="s">
        <v>293</v>
      </c>
      <c r="H11" s="120">
        <v>7.8763586288299807</v>
      </c>
      <c r="I11" s="635">
        <v>4</v>
      </c>
      <c r="J11" s="118"/>
    </row>
    <row r="12" spans="1:10" ht="15" customHeight="1" thickBot="1">
      <c r="A12" s="121">
        <v>5</v>
      </c>
      <c r="B12" s="637" t="s">
        <v>294</v>
      </c>
      <c r="C12" s="638">
        <v>12.947667890527592</v>
      </c>
      <c r="D12" s="639">
        <v>5</v>
      </c>
      <c r="F12" s="634">
        <v>5</v>
      </c>
      <c r="G12" s="124" t="s">
        <v>295</v>
      </c>
      <c r="H12" s="120">
        <v>8.2063934777944638</v>
      </c>
      <c r="I12" s="635">
        <v>5</v>
      </c>
      <c r="J12" s="118"/>
    </row>
    <row r="13" spans="1:10" ht="15" customHeight="1" thickTop="1">
      <c r="F13" s="117"/>
      <c r="G13" s="117"/>
      <c r="H13" s="123"/>
      <c r="I13" s="117"/>
      <c r="J13" s="118"/>
    </row>
    <row r="14" spans="1:10" ht="15" customHeight="1">
      <c r="F14" s="118"/>
      <c r="G14" s="118"/>
      <c r="H14" s="640"/>
      <c r="I14" s="118"/>
    </row>
    <row r="15" spans="1:10" s="629" customFormat="1" ht="15" customHeight="1">
      <c r="A15" s="629" t="s">
        <v>296</v>
      </c>
    </row>
    <row r="16" spans="1:10" ht="6" customHeight="1">
      <c r="A16" s="630"/>
    </row>
    <row r="17" spans="1:10" s="4" customFormat="1" ht="15" customHeight="1" thickBot="1">
      <c r="A17" s="4" t="s">
        <v>280</v>
      </c>
      <c r="F17" s="4" t="s">
        <v>281</v>
      </c>
    </row>
    <row r="18" spans="1:10" s="4" customFormat="1" ht="15" customHeight="1" thickTop="1">
      <c r="A18" s="631" t="s">
        <v>282</v>
      </c>
      <c r="B18" s="632" t="s">
        <v>283</v>
      </c>
      <c r="C18" s="632" t="s">
        <v>284</v>
      </c>
      <c r="D18" s="633" t="s">
        <v>285</v>
      </c>
      <c r="F18" s="631" t="s">
        <v>282</v>
      </c>
      <c r="G18" s="632" t="s">
        <v>283</v>
      </c>
      <c r="H18" s="632" t="s">
        <v>284</v>
      </c>
      <c r="I18" s="633" t="s">
        <v>285</v>
      </c>
    </row>
    <row r="19" spans="1:10" ht="15" customHeight="1">
      <c r="A19" s="634">
        <v>1</v>
      </c>
      <c r="B19" s="124" t="s">
        <v>297</v>
      </c>
      <c r="C19" s="120">
        <v>71.614533867260036</v>
      </c>
      <c r="D19" s="635">
        <v>1</v>
      </c>
      <c r="F19" s="634">
        <v>1</v>
      </c>
      <c r="G19" s="119" t="s">
        <v>289</v>
      </c>
      <c r="H19" s="120">
        <v>48.785769528228926</v>
      </c>
      <c r="I19" s="635">
        <v>1</v>
      </c>
    </row>
    <row r="20" spans="1:10" ht="15" customHeight="1">
      <c r="A20" s="634">
        <v>2</v>
      </c>
      <c r="B20" s="124" t="s">
        <v>298</v>
      </c>
      <c r="C20" s="120">
        <v>69.775510204081641</v>
      </c>
      <c r="D20" s="635">
        <v>2</v>
      </c>
      <c r="F20" s="634">
        <v>2</v>
      </c>
      <c r="G20" s="119" t="s">
        <v>291</v>
      </c>
      <c r="H20" s="120">
        <v>49.36141906873614</v>
      </c>
      <c r="I20" s="635">
        <v>2</v>
      </c>
    </row>
    <row r="21" spans="1:10" ht="15" customHeight="1">
      <c r="A21" s="634">
        <v>3</v>
      </c>
      <c r="B21" s="124" t="s">
        <v>299</v>
      </c>
      <c r="C21" s="120">
        <v>69.299311649999069</v>
      </c>
      <c r="D21" s="635">
        <v>3</v>
      </c>
      <c r="F21" s="634">
        <v>3</v>
      </c>
      <c r="G21" s="119" t="s">
        <v>300</v>
      </c>
      <c r="H21" s="120">
        <v>50.257455481656301</v>
      </c>
      <c r="I21" s="635">
        <v>4</v>
      </c>
    </row>
    <row r="22" spans="1:10" ht="15" customHeight="1">
      <c r="A22" s="634">
        <v>4</v>
      </c>
      <c r="B22" s="124" t="s">
        <v>301</v>
      </c>
      <c r="C22" s="120">
        <v>68.314874464986985</v>
      </c>
      <c r="D22" s="635">
        <v>4</v>
      </c>
      <c r="F22" s="634">
        <v>4</v>
      </c>
      <c r="G22" s="119" t="s">
        <v>302</v>
      </c>
      <c r="H22" s="120">
        <v>50.477057000934444</v>
      </c>
      <c r="I22" s="635">
        <v>3</v>
      </c>
    </row>
    <row r="23" spans="1:10" ht="15" customHeight="1" thickBot="1">
      <c r="A23" s="634">
        <v>5</v>
      </c>
      <c r="B23" s="124" t="s">
        <v>303</v>
      </c>
      <c r="C23" s="120">
        <v>67.680856172606596</v>
      </c>
      <c r="D23" s="635">
        <v>5</v>
      </c>
      <c r="F23" s="121">
        <v>5</v>
      </c>
      <c r="G23" s="637" t="s">
        <v>304</v>
      </c>
      <c r="H23" s="638">
        <v>52.160702228224174</v>
      </c>
      <c r="I23" s="641">
        <v>5</v>
      </c>
    </row>
    <row r="24" spans="1:10" ht="15" customHeight="1" thickTop="1">
      <c r="A24" s="117"/>
      <c r="B24" s="117"/>
      <c r="C24" s="123"/>
      <c r="D24" s="117"/>
      <c r="F24" s="117"/>
      <c r="G24" s="122"/>
      <c r="H24" s="123"/>
      <c r="I24" s="642"/>
    </row>
    <row r="25" spans="1:10" ht="15" customHeight="1">
      <c r="A25" s="118"/>
      <c r="B25" s="118"/>
      <c r="C25" s="640"/>
      <c r="D25" s="118"/>
    </row>
    <row r="26" spans="1:10" s="40" customFormat="1" ht="15" customHeight="1">
      <c r="A26" s="629" t="s">
        <v>305</v>
      </c>
    </row>
    <row r="27" spans="1:10" ht="6" customHeight="1">
      <c r="A27" s="630"/>
    </row>
    <row r="28" spans="1:10" s="4" customFormat="1" ht="15" customHeight="1" thickBot="1">
      <c r="A28" s="4" t="s">
        <v>280</v>
      </c>
      <c r="F28" s="4" t="s">
        <v>281</v>
      </c>
    </row>
    <row r="29" spans="1:10" s="4" customFormat="1" ht="15" customHeight="1" thickTop="1">
      <c r="A29" s="631" t="s">
        <v>282</v>
      </c>
      <c r="B29" s="632" t="s">
        <v>283</v>
      </c>
      <c r="C29" s="632" t="s">
        <v>284</v>
      </c>
      <c r="D29" s="633" t="s">
        <v>285</v>
      </c>
      <c r="F29" s="631" t="s">
        <v>282</v>
      </c>
      <c r="G29" s="632" t="s">
        <v>283</v>
      </c>
      <c r="H29" s="632" t="s">
        <v>284</v>
      </c>
      <c r="I29" s="633" t="s">
        <v>285</v>
      </c>
    </row>
    <row r="30" spans="1:10" ht="15" customHeight="1">
      <c r="A30" s="634">
        <v>1</v>
      </c>
      <c r="B30" s="124" t="s">
        <v>289</v>
      </c>
      <c r="C30" s="120">
        <v>44.949729311678269</v>
      </c>
      <c r="D30" s="635">
        <v>1</v>
      </c>
      <c r="F30" s="634">
        <v>1</v>
      </c>
      <c r="G30" s="124" t="s">
        <v>297</v>
      </c>
      <c r="H30" s="120">
        <v>15.561534018444506</v>
      </c>
      <c r="I30" s="118">
        <v>1</v>
      </c>
      <c r="J30" s="643"/>
    </row>
    <row r="31" spans="1:10" ht="15" customHeight="1">
      <c r="A31" s="634">
        <v>2</v>
      </c>
      <c r="B31" s="124" t="s">
        <v>291</v>
      </c>
      <c r="C31" s="120">
        <v>43.729490022172953</v>
      </c>
      <c r="D31" s="635">
        <v>2</v>
      </c>
      <c r="F31" s="634">
        <v>2</v>
      </c>
      <c r="G31" s="124" t="s">
        <v>306</v>
      </c>
      <c r="H31" s="120">
        <v>19.081505842772021</v>
      </c>
      <c r="I31" s="118">
        <v>2</v>
      </c>
      <c r="J31" s="643"/>
    </row>
    <row r="32" spans="1:10" ht="15" customHeight="1">
      <c r="A32" s="634">
        <v>3</v>
      </c>
      <c r="B32" s="124" t="s">
        <v>293</v>
      </c>
      <c r="C32" s="120">
        <v>41.64658437023558</v>
      </c>
      <c r="D32" s="635">
        <v>3</v>
      </c>
      <c r="F32" s="634">
        <v>3</v>
      </c>
      <c r="G32" s="124" t="s">
        <v>301</v>
      </c>
      <c r="H32" s="120">
        <v>19.337245730927062</v>
      </c>
      <c r="I32" s="118">
        <v>3</v>
      </c>
      <c r="J32" s="643"/>
    </row>
    <row r="33" spans="1:10" ht="15" customHeight="1">
      <c r="A33" s="634">
        <v>4</v>
      </c>
      <c r="B33" s="124" t="s">
        <v>295</v>
      </c>
      <c r="C33" s="120">
        <v>41.536151040549242</v>
      </c>
      <c r="D33" s="635">
        <v>4</v>
      </c>
      <c r="F33" s="634">
        <v>4</v>
      </c>
      <c r="G33" s="644" t="s">
        <v>298</v>
      </c>
      <c r="H33" s="120">
        <v>19.368318756073858</v>
      </c>
      <c r="I33" s="645">
        <v>4</v>
      </c>
      <c r="J33" s="643"/>
    </row>
    <row r="34" spans="1:10" ht="15" customHeight="1" thickBot="1">
      <c r="A34" s="121">
        <v>5</v>
      </c>
      <c r="B34" s="646" t="s">
        <v>307</v>
      </c>
      <c r="C34" s="638">
        <v>38.89264010803511</v>
      </c>
      <c r="D34" s="126">
        <v>6</v>
      </c>
      <c r="F34" s="634">
        <v>5</v>
      </c>
      <c r="G34" s="124" t="s">
        <v>303</v>
      </c>
      <c r="H34" s="120">
        <v>19.942487336923588</v>
      </c>
      <c r="I34" s="118">
        <v>5</v>
      </c>
      <c r="J34" s="643"/>
    </row>
    <row r="35" spans="1:10" ht="15" customHeight="1" thickTop="1">
      <c r="C35" s="123"/>
      <c r="F35" s="117"/>
      <c r="G35" s="117"/>
      <c r="H35" s="123"/>
      <c r="I35" s="117"/>
      <c r="J35" s="643"/>
    </row>
    <row r="36" spans="1:10" ht="15" customHeight="1"/>
    <row r="37" spans="1:10" s="40" customFormat="1" ht="15" customHeight="1">
      <c r="A37" s="40" t="s">
        <v>308</v>
      </c>
    </row>
    <row r="38" spans="1:10" ht="6" customHeight="1">
      <c r="A38" s="630"/>
    </row>
    <row r="39" spans="1:10" s="4" customFormat="1" ht="15" customHeight="1" thickBot="1">
      <c r="A39" s="4" t="s">
        <v>280</v>
      </c>
      <c r="F39" s="4" t="s">
        <v>281</v>
      </c>
    </row>
    <row r="40" spans="1:10" s="4" customFormat="1" ht="15" customHeight="1" thickTop="1">
      <c r="A40" s="631" t="s">
        <v>282</v>
      </c>
      <c r="B40" s="632" t="s">
        <v>283</v>
      </c>
      <c r="C40" s="632" t="s">
        <v>309</v>
      </c>
      <c r="D40" s="633" t="s">
        <v>285</v>
      </c>
      <c r="F40" s="631" t="s">
        <v>282</v>
      </c>
      <c r="G40" s="632" t="s">
        <v>283</v>
      </c>
      <c r="H40" s="632" t="s">
        <v>309</v>
      </c>
      <c r="I40" s="633" t="s">
        <v>285</v>
      </c>
    </row>
    <row r="41" spans="1:10" ht="15" customHeight="1">
      <c r="A41" s="634">
        <v>1</v>
      </c>
      <c r="B41" s="119" t="s">
        <v>289</v>
      </c>
      <c r="C41" s="647">
        <v>57.74</v>
      </c>
      <c r="D41" s="635">
        <v>1</v>
      </c>
      <c r="F41" s="634">
        <v>1</v>
      </c>
      <c r="G41" s="119" t="s">
        <v>297</v>
      </c>
      <c r="H41" s="648">
        <v>41.71</v>
      </c>
      <c r="I41" s="635">
        <v>1</v>
      </c>
    </row>
    <row r="42" spans="1:10" ht="15" customHeight="1">
      <c r="A42" s="634">
        <v>2</v>
      </c>
      <c r="B42" s="119" t="s">
        <v>291</v>
      </c>
      <c r="C42" s="647">
        <v>56.67</v>
      </c>
      <c r="D42" s="635">
        <v>2</v>
      </c>
      <c r="F42" s="634">
        <v>2</v>
      </c>
      <c r="G42" s="119" t="s">
        <v>301</v>
      </c>
      <c r="H42" s="649">
        <v>43.77</v>
      </c>
      <c r="I42" s="635">
        <v>3</v>
      </c>
    </row>
    <row r="43" spans="1:10" ht="15" customHeight="1">
      <c r="A43" s="634">
        <v>3</v>
      </c>
      <c r="B43" s="119" t="s">
        <v>293</v>
      </c>
      <c r="C43" s="647">
        <v>55.17</v>
      </c>
      <c r="D43" s="635">
        <v>3</v>
      </c>
      <c r="F43" s="634">
        <v>3</v>
      </c>
      <c r="G43" s="119" t="s">
        <v>288</v>
      </c>
      <c r="H43" s="649">
        <v>43.86</v>
      </c>
      <c r="I43" s="635">
        <v>2</v>
      </c>
    </row>
    <row r="44" spans="1:10" ht="15" customHeight="1">
      <c r="A44" s="634">
        <v>4</v>
      </c>
      <c r="B44" s="125" t="s">
        <v>295</v>
      </c>
      <c r="C44" s="647">
        <v>54.84</v>
      </c>
      <c r="D44" s="118">
        <v>4</v>
      </c>
      <c r="F44" s="634">
        <v>4</v>
      </c>
      <c r="G44" s="119" t="s">
        <v>299</v>
      </c>
      <c r="H44" s="649">
        <v>43.95</v>
      </c>
      <c r="I44" s="635">
        <v>4</v>
      </c>
    </row>
    <row r="45" spans="1:10" ht="15" customHeight="1" thickBot="1">
      <c r="A45" s="121">
        <v>5</v>
      </c>
      <c r="B45" s="637" t="s">
        <v>307</v>
      </c>
      <c r="C45" s="650">
        <v>53.5</v>
      </c>
      <c r="D45" s="126">
        <v>6</v>
      </c>
      <c r="F45" s="651">
        <v>5</v>
      </c>
      <c r="G45" s="637" t="s">
        <v>303</v>
      </c>
      <c r="H45" s="650">
        <v>44.12</v>
      </c>
      <c r="I45" s="651">
        <v>5</v>
      </c>
    </row>
    <row r="46" spans="1:10" ht="15" customHeight="1" thickTop="1">
      <c r="A46" s="118"/>
      <c r="B46" s="652"/>
      <c r="C46" s="653"/>
      <c r="D46" s="118"/>
      <c r="F46" s="117"/>
      <c r="G46" s="122"/>
      <c r="H46" s="654"/>
      <c r="I46" s="117"/>
    </row>
    <row r="47" spans="1:10" ht="15" customHeight="1"/>
    <row r="48" spans="1:10" s="40" customFormat="1" ht="15" customHeight="1">
      <c r="A48" s="40" t="s">
        <v>310</v>
      </c>
    </row>
    <row r="49" spans="1:10" ht="6" customHeight="1">
      <c r="A49" s="630"/>
    </row>
    <row r="50" spans="1:10" s="4" customFormat="1" ht="15" customHeight="1" thickBot="1">
      <c r="A50" s="4" t="s">
        <v>280</v>
      </c>
      <c r="F50" s="4" t="s">
        <v>281</v>
      </c>
    </row>
    <row r="51" spans="1:10" s="4" customFormat="1" ht="15" customHeight="1" thickTop="1">
      <c r="A51" s="631" t="s">
        <v>282</v>
      </c>
      <c r="B51" s="632" t="s">
        <v>283</v>
      </c>
      <c r="C51" s="632" t="s">
        <v>311</v>
      </c>
      <c r="D51" s="633" t="s">
        <v>285</v>
      </c>
      <c r="F51" s="631" t="s">
        <v>282</v>
      </c>
      <c r="G51" s="632" t="s">
        <v>283</v>
      </c>
      <c r="H51" s="632" t="s">
        <v>311</v>
      </c>
      <c r="I51" s="633" t="s">
        <v>285</v>
      </c>
    </row>
    <row r="52" spans="1:10" ht="15" customHeight="1">
      <c r="A52" s="634">
        <v>1</v>
      </c>
      <c r="B52" s="124" t="s">
        <v>289</v>
      </c>
      <c r="C52" s="120">
        <v>717.53086419753083</v>
      </c>
      <c r="D52" s="635">
        <v>1</v>
      </c>
      <c r="F52" s="634">
        <v>1</v>
      </c>
      <c r="G52" s="119" t="s">
        <v>297</v>
      </c>
      <c r="H52" s="120">
        <v>121.34760134216016</v>
      </c>
      <c r="I52" s="635">
        <v>1</v>
      </c>
    </row>
    <row r="53" spans="1:10" ht="15" customHeight="1">
      <c r="A53" s="634">
        <v>2</v>
      </c>
      <c r="B53" s="124" t="s">
        <v>287</v>
      </c>
      <c r="C53" s="120">
        <v>660.69651741293535</v>
      </c>
      <c r="D53" s="635">
        <v>2</v>
      </c>
      <c r="F53" s="634">
        <v>2</v>
      </c>
      <c r="G53" s="119" t="s">
        <v>306</v>
      </c>
      <c r="H53" s="120">
        <v>132.9536101142462</v>
      </c>
      <c r="I53" s="635">
        <v>2</v>
      </c>
    </row>
    <row r="54" spans="1:10">
      <c r="A54" s="634">
        <v>3</v>
      </c>
      <c r="B54" s="124" t="s">
        <v>291</v>
      </c>
      <c r="C54" s="120">
        <v>632.92682926829264</v>
      </c>
      <c r="D54" s="635">
        <v>3</v>
      </c>
      <c r="F54" s="634">
        <v>3</v>
      </c>
      <c r="G54" s="119" t="s">
        <v>290</v>
      </c>
      <c r="H54" s="120">
        <v>156.03333657619095</v>
      </c>
      <c r="I54" s="635">
        <v>3</v>
      </c>
    </row>
    <row r="55" spans="1:10">
      <c r="A55" s="634">
        <v>4</v>
      </c>
      <c r="B55" s="124" t="s">
        <v>293</v>
      </c>
      <c r="C55" s="120">
        <v>528.75429285045266</v>
      </c>
      <c r="D55" s="635">
        <v>4</v>
      </c>
      <c r="F55" s="634">
        <v>4</v>
      </c>
      <c r="G55" s="119" t="s">
        <v>301</v>
      </c>
      <c r="H55" s="120">
        <v>156.60377358490567</v>
      </c>
      <c r="I55" s="635">
        <v>4</v>
      </c>
    </row>
    <row r="56" spans="1:10" ht="14.25" thickBot="1">
      <c r="A56" s="121">
        <v>5</v>
      </c>
      <c r="B56" s="646" t="s">
        <v>295</v>
      </c>
      <c r="C56" s="638">
        <v>506.14379084967317</v>
      </c>
      <c r="D56" s="126">
        <v>5</v>
      </c>
      <c r="F56" s="121">
        <v>5</v>
      </c>
      <c r="G56" s="637" t="s">
        <v>303</v>
      </c>
      <c r="H56" s="638">
        <v>161.12984433461131</v>
      </c>
      <c r="I56" s="126">
        <v>5</v>
      </c>
    </row>
    <row r="57" spans="1:10" ht="14.25" thickTop="1"/>
    <row r="58" spans="1:10" s="655" customFormat="1" ht="12">
      <c r="A58" s="127"/>
      <c r="B58" s="127"/>
      <c r="C58" s="127"/>
      <c r="D58" s="127"/>
      <c r="E58" s="127"/>
      <c r="F58" s="127"/>
      <c r="G58" s="127"/>
      <c r="H58" s="127"/>
      <c r="I58" s="127"/>
      <c r="J58" s="128"/>
    </row>
  </sheetData>
  <mergeCells count="1">
    <mergeCell ref="G2:I2"/>
  </mergeCells>
  <phoneticPr fontId="2"/>
  <printOptions horizontalCentered="1"/>
  <pageMargins left="0.70866141732283472" right="0.70866141732283472" top="0.70866141732283472" bottom="0.70866141732283472" header="0.31496062992125984" footer="0.19685039370078741"/>
  <pageSetup paperSize="9" scale="20" firstPageNumber="13" orientation="portrait" blackAndWhite="1" r:id="rId1"/>
  <headerFooter scaleWithDoc="0"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81"/>
  <sheetViews>
    <sheetView zoomScaleNormal="100" zoomScaleSheetLayoutView="90" workbookViewId="0">
      <pane xSplit="1" ySplit="3" topLeftCell="B4" activePane="bottomRight" state="frozen"/>
      <selection pane="topRight"/>
      <selection pane="bottomLeft"/>
      <selection pane="bottomRight"/>
    </sheetView>
  </sheetViews>
  <sheetFormatPr defaultRowHeight="13.5"/>
  <cols>
    <col min="1" max="1" width="16.25" style="151" customWidth="1"/>
    <col min="2" max="9" width="11.25" style="176" customWidth="1"/>
    <col min="10" max="13" width="9" style="176" customWidth="1"/>
    <col min="14" max="17" width="7.75" style="130" customWidth="1"/>
    <col min="18" max="22" width="9" style="130" customWidth="1"/>
    <col min="23" max="23" width="3.875" style="130" customWidth="1"/>
    <col min="24" max="24" width="9" style="79"/>
    <col min="25" max="16384" width="9" style="151"/>
  </cols>
  <sheetData>
    <row r="1" spans="1:24" ht="15.95" customHeight="1" thickBot="1">
      <c r="A1" s="591" t="s">
        <v>312</v>
      </c>
      <c r="M1" s="592"/>
      <c r="P1" s="544"/>
      <c r="Q1" s="544"/>
      <c r="R1" s="129"/>
      <c r="S1" s="129"/>
      <c r="T1" s="129"/>
      <c r="U1" s="309"/>
    </row>
    <row r="2" spans="1:24" s="595" customFormat="1" ht="16.5" customHeight="1" thickTop="1">
      <c r="A2" s="593"/>
      <c r="B2" s="990" t="s">
        <v>313</v>
      </c>
      <c r="C2" s="991"/>
      <c r="D2" s="991"/>
      <c r="E2" s="992"/>
      <c r="F2" s="991" t="s">
        <v>314</v>
      </c>
      <c r="G2" s="991"/>
      <c r="H2" s="991"/>
      <c r="I2" s="992"/>
      <c r="J2" s="991" t="s">
        <v>315</v>
      </c>
      <c r="K2" s="991"/>
      <c r="L2" s="991"/>
      <c r="M2" s="993"/>
      <c r="N2" s="994" t="s">
        <v>316</v>
      </c>
      <c r="O2" s="995"/>
      <c r="P2" s="995"/>
      <c r="Q2" s="996"/>
      <c r="R2" s="997" t="s">
        <v>317</v>
      </c>
      <c r="S2" s="997"/>
      <c r="T2" s="998"/>
      <c r="U2" s="131" t="s">
        <v>318</v>
      </c>
      <c r="V2" s="132" t="s">
        <v>318</v>
      </c>
      <c r="W2" s="133"/>
      <c r="X2" s="594"/>
    </row>
    <row r="3" spans="1:24" s="603" customFormat="1" ht="16.5" customHeight="1">
      <c r="A3" s="177" t="s">
        <v>319</v>
      </c>
      <c r="B3" s="596" t="s">
        <v>320</v>
      </c>
      <c r="C3" s="596" t="s">
        <v>321</v>
      </c>
      <c r="D3" s="596" t="s">
        <v>322</v>
      </c>
      <c r="E3" s="863" t="s">
        <v>323</v>
      </c>
      <c r="F3" s="597" t="s">
        <v>194</v>
      </c>
      <c r="G3" s="596" t="s">
        <v>321</v>
      </c>
      <c r="H3" s="596" t="s">
        <v>322</v>
      </c>
      <c r="I3" s="863" t="s">
        <v>323</v>
      </c>
      <c r="J3" s="597" t="s">
        <v>320</v>
      </c>
      <c r="K3" s="596" t="s">
        <v>324</v>
      </c>
      <c r="L3" s="596" t="s">
        <v>322</v>
      </c>
      <c r="M3" s="596" t="s">
        <v>323</v>
      </c>
      <c r="N3" s="598" t="s">
        <v>325</v>
      </c>
      <c r="O3" s="599" t="s">
        <v>324</v>
      </c>
      <c r="P3" s="599" t="s">
        <v>322</v>
      </c>
      <c r="Q3" s="600" t="s">
        <v>323</v>
      </c>
      <c r="R3" s="599" t="s">
        <v>321</v>
      </c>
      <c r="S3" s="599" t="s">
        <v>322</v>
      </c>
      <c r="T3" s="600" t="s">
        <v>323</v>
      </c>
      <c r="U3" s="601" t="s">
        <v>326</v>
      </c>
      <c r="V3" s="602" t="s">
        <v>327</v>
      </c>
      <c r="W3" s="134"/>
      <c r="X3" s="115"/>
    </row>
    <row r="4" spans="1:24" s="612" customFormat="1" ht="11.25" customHeight="1">
      <c r="A4" s="178"/>
      <c r="B4" s="604" t="s">
        <v>192</v>
      </c>
      <c r="C4" s="604" t="s">
        <v>192</v>
      </c>
      <c r="D4" s="604" t="s">
        <v>192</v>
      </c>
      <c r="E4" s="864" t="s">
        <v>192</v>
      </c>
      <c r="F4" s="606" t="s">
        <v>192</v>
      </c>
      <c r="G4" s="604" t="s">
        <v>192</v>
      </c>
      <c r="H4" s="604" t="s">
        <v>192</v>
      </c>
      <c r="I4" s="864" t="s">
        <v>192</v>
      </c>
      <c r="J4" s="606" t="s">
        <v>192</v>
      </c>
      <c r="K4" s="604" t="s">
        <v>192</v>
      </c>
      <c r="L4" s="604" t="s">
        <v>192</v>
      </c>
      <c r="M4" s="604" t="s">
        <v>192</v>
      </c>
      <c r="N4" s="607" t="s">
        <v>82</v>
      </c>
      <c r="O4" s="608" t="s">
        <v>82</v>
      </c>
      <c r="P4" s="608" t="s">
        <v>82</v>
      </c>
      <c r="Q4" s="609" t="s">
        <v>82</v>
      </c>
      <c r="R4" s="608" t="s">
        <v>82</v>
      </c>
      <c r="S4" s="608" t="s">
        <v>82</v>
      </c>
      <c r="T4" s="609" t="s">
        <v>82</v>
      </c>
      <c r="U4" s="135" t="s">
        <v>182</v>
      </c>
      <c r="V4" s="610"/>
      <c r="W4" s="135"/>
      <c r="X4" s="611"/>
    </row>
    <row r="5" spans="1:24" ht="12.75" customHeight="1">
      <c r="A5" s="179" t="s">
        <v>328</v>
      </c>
      <c r="B5" s="137">
        <v>9227901</v>
      </c>
      <c r="C5" s="137">
        <v>1047478</v>
      </c>
      <c r="D5" s="137">
        <v>5640059</v>
      </c>
      <c r="E5" s="865">
        <v>2326294</v>
      </c>
      <c r="F5" s="136">
        <v>9231177</v>
      </c>
      <c r="G5" s="137">
        <v>1065999</v>
      </c>
      <c r="H5" s="137">
        <v>5627097</v>
      </c>
      <c r="I5" s="865">
        <v>2324007</v>
      </c>
      <c r="J5" s="136">
        <v>-3276</v>
      </c>
      <c r="K5" s="137">
        <v>-18521</v>
      </c>
      <c r="L5" s="137">
        <v>12962</v>
      </c>
      <c r="M5" s="137">
        <v>2287</v>
      </c>
      <c r="N5" s="623">
        <v>-3.5488432298503216E-2</v>
      </c>
      <c r="O5" s="623">
        <v>-1.7374312733876862</v>
      </c>
      <c r="P5" s="623">
        <v>0.23034968119440627</v>
      </c>
      <c r="Q5" s="624">
        <v>9.8407620975324073E-2</v>
      </c>
      <c r="R5" s="615">
        <v>11.6</v>
      </c>
      <c r="S5" s="615">
        <v>62.6</v>
      </c>
      <c r="T5" s="616">
        <v>25.8</v>
      </c>
      <c r="U5" s="625">
        <v>47.03</v>
      </c>
      <c r="V5" s="626">
        <v>222.1</v>
      </c>
      <c r="W5" s="138"/>
    </row>
    <row r="6" spans="1:24" ht="10.5" customHeight="1">
      <c r="A6" s="173"/>
      <c r="B6" s="140"/>
      <c r="C6" s="140"/>
      <c r="D6" s="140"/>
      <c r="E6" s="866"/>
      <c r="F6" s="139"/>
      <c r="G6" s="140"/>
      <c r="H6" s="140"/>
      <c r="I6" s="866"/>
      <c r="J6" s="139"/>
      <c r="K6" s="140"/>
      <c r="L6" s="140"/>
      <c r="M6" s="140"/>
      <c r="N6" s="141"/>
      <c r="O6" s="142"/>
      <c r="P6" s="142"/>
      <c r="Q6" s="143"/>
      <c r="R6" s="144"/>
      <c r="S6" s="144"/>
      <c r="T6" s="145"/>
      <c r="U6" s="146"/>
      <c r="V6" s="147"/>
      <c r="W6" s="146"/>
    </row>
    <row r="7" spans="1:24" s="622" customFormat="1" ht="12.75" customHeight="1">
      <c r="A7" s="186" t="s">
        <v>329</v>
      </c>
      <c r="B7" s="137">
        <v>3769595</v>
      </c>
      <c r="C7" s="137">
        <v>426683</v>
      </c>
      <c r="D7" s="137">
        <v>2316736</v>
      </c>
      <c r="E7" s="865">
        <v>927387</v>
      </c>
      <c r="F7" s="136">
        <v>3772029</v>
      </c>
      <c r="G7" s="137">
        <v>434150</v>
      </c>
      <c r="H7" s="137">
        <v>2312834</v>
      </c>
      <c r="I7" s="865">
        <v>926256</v>
      </c>
      <c r="J7" s="136">
        <v>-2434</v>
      </c>
      <c r="K7" s="137">
        <v>-7467</v>
      </c>
      <c r="L7" s="137">
        <v>3902</v>
      </c>
      <c r="M7" s="137">
        <v>1131</v>
      </c>
      <c r="N7" s="623">
        <v>-6.4527605699744098E-2</v>
      </c>
      <c r="O7" s="623">
        <v>-1.7199124726477024</v>
      </c>
      <c r="P7" s="623">
        <v>0.16871076782856009</v>
      </c>
      <c r="Q7" s="624">
        <v>0.12210447219775093</v>
      </c>
      <c r="R7" s="615">
        <v>11.6</v>
      </c>
      <c r="S7" s="615">
        <v>63.1</v>
      </c>
      <c r="T7" s="616">
        <v>25.3</v>
      </c>
      <c r="U7" s="625">
        <v>46.91</v>
      </c>
      <c r="V7" s="626">
        <v>217.3</v>
      </c>
      <c r="W7" s="138"/>
      <c r="X7" s="621"/>
    </row>
    <row r="8" spans="1:24" ht="12.75" customHeight="1">
      <c r="A8" s="149" t="s">
        <v>330</v>
      </c>
      <c r="B8" s="140">
        <v>294981</v>
      </c>
      <c r="C8" s="140">
        <v>35168</v>
      </c>
      <c r="D8" s="140">
        <v>189308</v>
      </c>
      <c r="E8" s="866">
        <v>61499</v>
      </c>
      <c r="F8" s="139">
        <v>295580</v>
      </c>
      <c r="G8" s="140">
        <v>35916</v>
      </c>
      <c r="H8" s="140">
        <v>188995</v>
      </c>
      <c r="I8" s="866">
        <v>61663</v>
      </c>
      <c r="J8" s="139">
        <v>-599</v>
      </c>
      <c r="K8" s="140">
        <v>-748</v>
      </c>
      <c r="L8" s="140">
        <v>313</v>
      </c>
      <c r="M8" s="140">
        <v>-164</v>
      </c>
      <c r="N8" s="141">
        <v>-0.20265241220650926</v>
      </c>
      <c r="O8" s="141">
        <v>-2.0826372647288118</v>
      </c>
      <c r="P8" s="141">
        <v>0.16561284690071165</v>
      </c>
      <c r="Q8" s="143">
        <v>-0.2659617598884258</v>
      </c>
      <c r="R8" s="144">
        <v>12.3</v>
      </c>
      <c r="S8" s="144">
        <v>66.2</v>
      </c>
      <c r="T8" s="145">
        <v>21.5</v>
      </c>
      <c r="U8" s="150">
        <v>44.86</v>
      </c>
      <c r="V8" s="147">
        <v>174.9</v>
      </c>
      <c r="W8" s="146"/>
    </row>
    <row r="9" spans="1:24" ht="12.75" customHeight="1">
      <c r="A9" s="149" t="s">
        <v>331</v>
      </c>
      <c r="B9" s="140">
        <v>248878</v>
      </c>
      <c r="C9" s="140">
        <v>26357</v>
      </c>
      <c r="D9" s="140">
        <v>160459</v>
      </c>
      <c r="E9" s="866">
        <v>52531</v>
      </c>
      <c r="F9" s="139">
        <v>247444</v>
      </c>
      <c r="G9" s="140">
        <v>26572</v>
      </c>
      <c r="H9" s="140">
        <v>158783</v>
      </c>
      <c r="I9" s="866">
        <v>52558</v>
      </c>
      <c r="J9" s="139">
        <v>1434</v>
      </c>
      <c r="K9" s="140">
        <v>-215</v>
      </c>
      <c r="L9" s="140">
        <v>1676</v>
      </c>
      <c r="M9" s="140">
        <v>-27</v>
      </c>
      <c r="N9" s="141">
        <v>0.57952506425696326</v>
      </c>
      <c r="O9" s="141">
        <v>-0.80912238446485019</v>
      </c>
      <c r="P9" s="141">
        <v>1.0555286145242249</v>
      </c>
      <c r="Q9" s="143">
        <v>-5.1371817801286197E-2</v>
      </c>
      <c r="R9" s="144">
        <v>11</v>
      </c>
      <c r="S9" s="144">
        <v>67</v>
      </c>
      <c r="T9" s="145">
        <v>21.9</v>
      </c>
      <c r="U9" s="150">
        <v>45.2</v>
      </c>
      <c r="V9" s="147">
        <v>199.3</v>
      </c>
      <c r="W9" s="146"/>
    </row>
    <row r="10" spans="1:24" ht="12.75" customHeight="1">
      <c r="A10" s="149" t="s">
        <v>332</v>
      </c>
      <c r="B10" s="140">
        <v>105634</v>
      </c>
      <c r="C10" s="140">
        <v>11171</v>
      </c>
      <c r="D10" s="140">
        <v>71799</v>
      </c>
      <c r="E10" s="866">
        <v>19930</v>
      </c>
      <c r="F10" s="139">
        <v>104483</v>
      </c>
      <c r="G10" s="140">
        <v>11263</v>
      </c>
      <c r="H10" s="140">
        <v>70590</v>
      </c>
      <c r="I10" s="866">
        <v>19896</v>
      </c>
      <c r="J10" s="139">
        <v>1151</v>
      </c>
      <c r="K10" s="140">
        <v>-92</v>
      </c>
      <c r="L10" s="140">
        <v>1209</v>
      </c>
      <c r="M10" s="140">
        <v>34</v>
      </c>
      <c r="N10" s="141">
        <v>1.1016146167319085</v>
      </c>
      <c r="O10" s="141">
        <v>-0.81683388084879704</v>
      </c>
      <c r="P10" s="141">
        <v>1.7127071823204418</v>
      </c>
      <c r="Q10" s="143">
        <v>0.17088862082830719</v>
      </c>
      <c r="R10" s="144">
        <v>10.9</v>
      </c>
      <c r="S10" s="144">
        <v>69.8</v>
      </c>
      <c r="T10" s="145">
        <v>19.399999999999999</v>
      </c>
      <c r="U10" s="150">
        <v>44.56</v>
      </c>
      <c r="V10" s="147">
        <v>178.4</v>
      </c>
      <c r="W10" s="146"/>
    </row>
    <row r="11" spans="1:24" ht="12.75" customHeight="1">
      <c r="A11" s="149" t="s">
        <v>333</v>
      </c>
      <c r="B11" s="140">
        <v>151031</v>
      </c>
      <c r="C11" s="140">
        <v>13959</v>
      </c>
      <c r="D11" s="140">
        <v>93285</v>
      </c>
      <c r="E11" s="866">
        <v>33899</v>
      </c>
      <c r="F11" s="139">
        <v>150271</v>
      </c>
      <c r="G11" s="140">
        <v>14297</v>
      </c>
      <c r="H11" s="140">
        <v>92203</v>
      </c>
      <c r="I11" s="866">
        <v>33883</v>
      </c>
      <c r="J11" s="139">
        <v>760</v>
      </c>
      <c r="K11" s="140">
        <v>-338</v>
      </c>
      <c r="L11" s="140">
        <v>1082</v>
      </c>
      <c r="M11" s="140">
        <v>16</v>
      </c>
      <c r="N11" s="141">
        <v>0.50575293968896196</v>
      </c>
      <c r="O11" s="141">
        <v>-2.3641323354549906</v>
      </c>
      <c r="P11" s="141">
        <v>1.1734976085376831</v>
      </c>
      <c r="Q11" s="143">
        <v>4.7221320426172414E-2</v>
      </c>
      <c r="R11" s="144">
        <v>9.9</v>
      </c>
      <c r="S11" s="144">
        <v>66.099999999999994</v>
      </c>
      <c r="T11" s="145">
        <v>24</v>
      </c>
      <c r="U11" s="150">
        <v>47.78</v>
      </c>
      <c r="V11" s="147">
        <v>242.8</v>
      </c>
      <c r="W11" s="146"/>
    </row>
    <row r="12" spans="1:24" ht="12.75" customHeight="1">
      <c r="A12" s="149" t="s">
        <v>334</v>
      </c>
      <c r="B12" s="140">
        <v>197430</v>
      </c>
      <c r="C12" s="140">
        <v>18265</v>
      </c>
      <c r="D12" s="140">
        <v>121215</v>
      </c>
      <c r="E12" s="866">
        <v>51708</v>
      </c>
      <c r="F12" s="139">
        <v>197517</v>
      </c>
      <c r="G12" s="140">
        <v>18664</v>
      </c>
      <c r="H12" s="140">
        <v>120576</v>
      </c>
      <c r="I12" s="866">
        <v>52035</v>
      </c>
      <c r="J12" s="139">
        <v>-87</v>
      </c>
      <c r="K12" s="140">
        <v>-399</v>
      </c>
      <c r="L12" s="140">
        <v>639</v>
      </c>
      <c r="M12" s="140">
        <v>-327</v>
      </c>
      <c r="N12" s="141">
        <v>-4.404684153769043E-2</v>
      </c>
      <c r="O12" s="141">
        <v>-2.1378054007715388</v>
      </c>
      <c r="P12" s="141">
        <v>0.52995621019108274</v>
      </c>
      <c r="Q12" s="143">
        <v>-0.62842317670798509</v>
      </c>
      <c r="R12" s="144">
        <v>9.6</v>
      </c>
      <c r="S12" s="144">
        <v>63.4</v>
      </c>
      <c r="T12" s="145">
        <v>27</v>
      </c>
      <c r="U12" s="150">
        <v>48.18</v>
      </c>
      <c r="V12" s="147">
        <v>283.10000000000002</v>
      </c>
      <c r="W12" s="146"/>
    </row>
    <row r="13" spans="1:24" ht="12.75" customHeight="1">
      <c r="A13" s="149" t="s">
        <v>335</v>
      </c>
      <c r="B13" s="140">
        <v>205852</v>
      </c>
      <c r="C13" s="140">
        <v>21208</v>
      </c>
      <c r="D13" s="140">
        <v>124478</v>
      </c>
      <c r="E13" s="866">
        <v>53885</v>
      </c>
      <c r="F13" s="139">
        <v>206631</v>
      </c>
      <c r="G13" s="140">
        <v>21554</v>
      </c>
      <c r="H13" s="140">
        <v>124710</v>
      </c>
      <c r="I13" s="866">
        <v>54086</v>
      </c>
      <c r="J13" s="139">
        <v>-779</v>
      </c>
      <c r="K13" s="140">
        <v>-346</v>
      </c>
      <c r="L13" s="140">
        <v>-232</v>
      </c>
      <c r="M13" s="140">
        <v>-201</v>
      </c>
      <c r="N13" s="141">
        <v>-0.37700054686857248</v>
      </c>
      <c r="O13" s="141">
        <v>-1.6052704834369491</v>
      </c>
      <c r="P13" s="141">
        <v>-0.18603159329644775</v>
      </c>
      <c r="Q13" s="143">
        <v>-0.37163036645342601</v>
      </c>
      <c r="R13" s="144">
        <v>10.6</v>
      </c>
      <c r="S13" s="144">
        <v>62.4</v>
      </c>
      <c r="T13" s="145">
        <v>27</v>
      </c>
      <c r="U13" s="150">
        <v>47.83</v>
      </c>
      <c r="V13" s="147">
        <v>254.1</v>
      </c>
      <c r="W13" s="146"/>
    </row>
    <row r="14" spans="1:24" ht="12.75" customHeight="1">
      <c r="A14" s="149" t="s">
        <v>336</v>
      </c>
      <c r="B14" s="140">
        <v>165450</v>
      </c>
      <c r="C14" s="140">
        <v>18306</v>
      </c>
      <c r="D14" s="140">
        <v>94865</v>
      </c>
      <c r="E14" s="866">
        <v>45112</v>
      </c>
      <c r="F14" s="139">
        <v>166260</v>
      </c>
      <c r="G14" s="140">
        <v>18622</v>
      </c>
      <c r="H14" s="140">
        <v>95267</v>
      </c>
      <c r="I14" s="866">
        <v>45204</v>
      </c>
      <c r="J14" s="139">
        <v>-810</v>
      </c>
      <c r="K14" s="140">
        <v>-316</v>
      </c>
      <c r="L14" s="140">
        <v>-402</v>
      </c>
      <c r="M14" s="140">
        <v>-92</v>
      </c>
      <c r="N14" s="141">
        <v>-0.4871887405268856</v>
      </c>
      <c r="O14" s="141">
        <v>-1.6969176243153261</v>
      </c>
      <c r="P14" s="141">
        <v>-0.42197193151878404</v>
      </c>
      <c r="Q14" s="143">
        <v>-0.20352181222900628</v>
      </c>
      <c r="R14" s="144">
        <v>11.6</v>
      </c>
      <c r="S14" s="144">
        <v>59.9</v>
      </c>
      <c r="T14" s="145">
        <v>28.5</v>
      </c>
      <c r="U14" s="150">
        <v>48.47</v>
      </c>
      <c r="V14" s="147">
        <v>246.4</v>
      </c>
      <c r="W14" s="146"/>
    </row>
    <row r="15" spans="1:24" ht="12.75" customHeight="1">
      <c r="A15" s="149" t="s">
        <v>337</v>
      </c>
      <c r="B15" s="140">
        <v>195892</v>
      </c>
      <c r="C15" s="140">
        <v>20127</v>
      </c>
      <c r="D15" s="140">
        <v>112123</v>
      </c>
      <c r="E15" s="866">
        <v>59179</v>
      </c>
      <c r="F15" s="139">
        <v>197646</v>
      </c>
      <c r="G15" s="140">
        <v>20784</v>
      </c>
      <c r="H15" s="140">
        <v>113326</v>
      </c>
      <c r="I15" s="866">
        <v>59073</v>
      </c>
      <c r="J15" s="139">
        <v>-1754</v>
      </c>
      <c r="K15" s="140">
        <v>-657</v>
      </c>
      <c r="L15" s="140">
        <v>-1203</v>
      </c>
      <c r="M15" s="140">
        <v>106</v>
      </c>
      <c r="N15" s="141">
        <v>-0.88744523036135314</v>
      </c>
      <c r="O15" s="141">
        <v>-3.1610854503464201</v>
      </c>
      <c r="P15" s="141">
        <v>-1.0615392760708047</v>
      </c>
      <c r="Q15" s="143">
        <v>0.17943899920437426</v>
      </c>
      <c r="R15" s="144">
        <v>10.5</v>
      </c>
      <c r="S15" s="144">
        <v>58.6</v>
      </c>
      <c r="T15" s="145">
        <v>30.9</v>
      </c>
      <c r="U15" s="150">
        <v>49.42</v>
      </c>
      <c r="V15" s="147">
        <v>294</v>
      </c>
      <c r="W15" s="146"/>
    </row>
    <row r="16" spans="1:24" ht="12.75" customHeight="1">
      <c r="A16" s="149" t="s">
        <v>338</v>
      </c>
      <c r="B16" s="140">
        <v>362084</v>
      </c>
      <c r="C16" s="140">
        <v>43298</v>
      </c>
      <c r="D16" s="140">
        <v>236772</v>
      </c>
      <c r="E16" s="866">
        <v>69766</v>
      </c>
      <c r="F16" s="139">
        <v>359521</v>
      </c>
      <c r="G16" s="140">
        <v>43296</v>
      </c>
      <c r="H16" s="140">
        <v>234457</v>
      </c>
      <c r="I16" s="866">
        <v>69520</v>
      </c>
      <c r="J16" s="139">
        <v>2563</v>
      </c>
      <c r="K16" s="140">
        <v>2</v>
      </c>
      <c r="L16" s="140">
        <v>2315</v>
      </c>
      <c r="M16" s="140">
        <v>246</v>
      </c>
      <c r="N16" s="141">
        <v>0.71289298817037106</v>
      </c>
      <c r="O16" s="141">
        <v>4.6193643754619367E-3</v>
      </c>
      <c r="P16" s="141">
        <v>0.98738787922732096</v>
      </c>
      <c r="Q16" s="143">
        <v>0.35385500575373996</v>
      </c>
      <c r="R16" s="144">
        <v>12.4</v>
      </c>
      <c r="S16" s="144">
        <v>67.7</v>
      </c>
      <c r="T16" s="145">
        <v>19.899999999999999</v>
      </c>
      <c r="U16" s="150">
        <v>44.12</v>
      </c>
      <c r="V16" s="147">
        <v>161.1</v>
      </c>
      <c r="W16" s="146"/>
    </row>
    <row r="17" spans="1:24" ht="12.75" customHeight="1">
      <c r="A17" s="149" t="s">
        <v>339</v>
      </c>
      <c r="B17" s="140">
        <v>283515</v>
      </c>
      <c r="C17" s="140">
        <v>34990</v>
      </c>
      <c r="D17" s="140">
        <v>170206</v>
      </c>
      <c r="E17" s="866">
        <v>73342</v>
      </c>
      <c r="F17" s="139">
        <v>284084</v>
      </c>
      <c r="G17" s="140">
        <v>35788</v>
      </c>
      <c r="H17" s="140">
        <v>170079</v>
      </c>
      <c r="I17" s="866">
        <v>73240</v>
      </c>
      <c r="J17" s="139">
        <v>-569</v>
      </c>
      <c r="K17" s="140">
        <v>-798</v>
      </c>
      <c r="L17" s="140">
        <v>127</v>
      </c>
      <c r="M17" s="140">
        <v>102</v>
      </c>
      <c r="N17" s="141">
        <v>-0.2002928711226257</v>
      </c>
      <c r="O17" s="141">
        <v>-2.229797697552252</v>
      </c>
      <c r="P17" s="141">
        <v>7.467118221532347E-2</v>
      </c>
      <c r="Q17" s="143">
        <v>0.13926815947569635</v>
      </c>
      <c r="R17" s="144">
        <v>12.6</v>
      </c>
      <c r="S17" s="144">
        <v>61.1</v>
      </c>
      <c r="T17" s="145">
        <v>26.3</v>
      </c>
      <c r="U17" s="150">
        <v>46.99</v>
      </c>
      <c r="V17" s="147">
        <v>209.6</v>
      </c>
      <c r="W17" s="146"/>
    </row>
    <row r="18" spans="1:24" ht="12.75" customHeight="1">
      <c r="A18" s="149" t="s">
        <v>340</v>
      </c>
      <c r="B18" s="140">
        <v>214312</v>
      </c>
      <c r="C18" s="140">
        <v>23046</v>
      </c>
      <c r="D18" s="140">
        <v>125536</v>
      </c>
      <c r="E18" s="866">
        <v>61776</v>
      </c>
      <c r="F18" s="139">
        <v>215222</v>
      </c>
      <c r="G18" s="140">
        <v>23303</v>
      </c>
      <c r="H18" s="140">
        <v>126195</v>
      </c>
      <c r="I18" s="866">
        <v>61770</v>
      </c>
      <c r="J18" s="139">
        <v>-910</v>
      </c>
      <c r="K18" s="140">
        <v>-257</v>
      </c>
      <c r="L18" s="140">
        <v>-659</v>
      </c>
      <c r="M18" s="140">
        <v>6</v>
      </c>
      <c r="N18" s="141">
        <v>-0.42281922851753073</v>
      </c>
      <c r="O18" s="141">
        <v>-1.1028622924087028</v>
      </c>
      <c r="P18" s="141">
        <v>-0.52220769444114268</v>
      </c>
      <c r="Q18" s="143">
        <v>9.7134531325886349E-3</v>
      </c>
      <c r="R18" s="144">
        <v>11</v>
      </c>
      <c r="S18" s="144">
        <v>59.7</v>
      </c>
      <c r="T18" s="145">
        <v>29.4</v>
      </c>
      <c r="U18" s="150">
        <v>49.08</v>
      </c>
      <c r="V18" s="147">
        <v>268.10000000000002</v>
      </c>
      <c r="W18" s="146"/>
    </row>
    <row r="19" spans="1:24" ht="12.75" customHeight="1">
      <c r="A19" s="149" t="s">
        <v>341</v>
      </c>
      <c r="B19" s="140">
        <v>242382</v>
      </c>
      <c r="C19" s="140">
        <v>26658</v>
      </c>
      <c r="D19" s="140">
        <v>139518</v>
      </c>
      <c r="E19" s="866">
        <v>72497</v>
      </c>
      <c r="F19" s="139">
        <v>243359</v>
      </c>
      <c r="G19" s="140">
        <v>27129</v>
      </c>
      <c r="H19" s="140">
        <v>139852</v>
      </c>
      <c r="I19" s="866">
        <v>72669</v>
      </c>
      <c r="J19" s="139">
        <v>-977</v>
      </c>
      <c r="K19" s="140">
        <v>-471</v>
      </c>
      <c r="L19" s="140">
        <v>-334</v>
      </c>
      <c r="M19" s="140">
        <v>-172</v>
      </c>
      <c r="N19" s="141">
        <v>-0.40146450305926634</v>
      </c>
      <c r="O19" s="141">
        <v>-1.7361495079066682</v>
      </c>
      <c r="P19" s="141">
        <v>-0.23882389955095384</v>
      </c>
      <c r="Q19" s="143">
        <v>-0.23668964758012359</v>
      </c>
      <c r="R19" s="144">
        <v>11.2</v>
      </c>
      <c r="S19" s="144">
        <v>58.5</v>
      </c>
      <c r="T19" s="145">
        <v>30.4</v>
      </c>
      <c r="U19" s="150">
        <v>49.39</v>
      </c>
      <c r="V19" s="147">
        <v>272</v>
      </c>
      <c r="W19" s="146"/>
    </row>
    <row r="20" spans="1:24" ht="12.75" customHeight="1">
      <c r="A20" s="149" t="s">
        <v>342</v>
      </c>
      <c r="B20" s="140">
        <v>182790</v>
      </c>
      <c r="C20" s="140">
        <v>22265</v>
      </c>
      <c r="D20" s="140">
        <v>111938</v>
      </c>
      <c r="E20" s="866">
        <v>45327</v>
      </c>
      <c r="F20" s="139">
        <v>183222</v>
      </c>
      <c r="G20" s="140">
        <v>22778</v>
      </c>
      <c r="H20" s="140">
        <v>112033</v>
      </c>
      <c r="I20" s="866">
        <v>45151</v>
      </c>
      <c r="J20" s="139">
        <v>-432</v>
      </c>
      <c r="K20" s="140">
        <v>-513</v>
      </c>
      <c r="L20" s="140">
        <v>-95</v>
      </c>
      <c r="M20" s="140">
        <v>176</v>
      </c>
      <c r="N20" s="141">
        <v>-0.23577954612437368</v>
      </c>
      <c r="O20" s="141">
        <v>-2.2521731495302486</v>
      </c>
      <c r="P20" s="141">
        <v>-8.4796443904920873E-2</v>
      </c>
      <c r="Q20" s="143">
        <v>0.38980310513609884</v>
      </c>
      <c r="R20" s="144">
        <v>12.4</v>
      </c>
      <c r="S20" s="144">
        <v>62.4</v>
      </c>
      <c r="T20" s="145">
        <v>25.2</v>
      </c>
      <c r="U20" s="150">
        <v>46.61</v>
      </c>
      <c r="V20" s="147">
        <v>203.6</v>
      </c>
      <c r="W20" s="146"/>
    </row>
    <row r="21" spans="1:24" ht="12.75" customHeight="1">
      <c r="A21" s="149" t="s">
        <v>343</v>
      </c>
      <c r="B21" s="140">
        <v>121616</v>
      </c>
      <c r="C21" s="140">
        <v>13333</v>
      </c>
      <c r="D21" s="140">
        <v>71672</v>
      </c>
      <c r="E21" s="866">
        <v>34524</v>
      </c>
      <c r="F21" s="139">
        <v>122052</v>
      </c>
      <c r="G21" s="140">
        <v>13627</v>
      </c>
      <c r="H21" s="140">
        <v>71686</v>
      </c>
      <c r="I21" s="866">
        <v>34652</v>
      </c>
      <c r="J21" s="139">
        <v>-436</v>
      </c>
      <c r="K21" s="140">
        <v>-294</v>
      </c>
      <c r="L21" s="140">
        <v>-14</v>
      </c>
      <c r="M21" s="140">
        <v>-128</v>
      </c>
      <c r="N21" s="141">
        <v>-0.35722478943401176</v>
      </c>
      <c r="O21" s="141">
        <v>-2.1574814706098189</v>
      </c>
      <c r="P21" s="141">
        <v>-1.9529615266579248E-2</v>
      </c>
      <c r="Q21" s="143">
        <v>-0.36938704836661662</v>
      </c>
      <c r="R21" s="144">
        <v>11.2</v>
      </c>
      <c r="S21" s="144">
        <v>60</v>
      </c>
      <c r="T21" s="145">
        <v>28.9</v>
      </c>
      <c r="U21" s="150">
        <v>48.57</v>
      </c>
      <c r="V21" s="147">
        <v>258.89999999999998</v>
      </c>
      <c r="W21" s="146"/>
    </row>
    <row r="22" spans="1:24" ht="12.75" customHeight="1">
      <c r="A22" s="149" t="s">
        <v>344</v>
      </c>
      <c r="B22" s="140">
        <v>120974</v>
      </c>
      <c r="C22" s="140">
        <v>13086</v>
      </c>
      <c r="D22" s="140">
        <v>68489</v>
      </c>
      <c r="E22" s="866">
        <v>37422</v>
      </c>
      <c r="F22" s="139">
        <v>120613</v>
      </c>
      <c r="G22" s="140">
        <v>13188</v>
      </c>
      <c r="H22" s="140">
        <v>67909</v>
      </c>
      <c r="I22" s="866">
        <v>37539</v>
      </c>
      <c r="J22" s="139">
        <v>361</v>
      </c>
      <c r="K22" s="140">
        <v>-102</v>
      </c>
      <c r="L22" s="140">
        <v>580</v>
      </c>
      <c r="M22" s="140">
        <v>-117</v>
      </c>
      <c r="N22" s="141">
        <v>0.29930438675764637</v>
      </c>
      <c r="O22" s="141">
        <v>-0.77343039126478619</v>
      </c>
      <c r="P22" s="141">
        <v>0.85408414201357707</v>
      </c>
      <c r="Q22" s="143">
        <v>-0.31167585710860707</v>
      </c>
      <c r="R22" s="144">
        <v>11</v>
      </c>
      <c r="S22" s="144">
        <v>57.6</v>
      </c>
      <c r="T22" s="145">
        <v>31.4</v>
      </c>
      <c r="U22" s="150">
        <v>49.7</v>
      </c>
      <c r="V22" s="147">
        <v>286</v>
      </c>
      <c r="W22" s="146"/>
    </row>
    <row r="23" spans="1:24" ht="12.75" customHeight="1">
      <c r="A23" s="149" t="s">
        <v>345</v>
      </c>
      <c r="B23" s="140">
        <v>151417</v>
      </c>
      <c r="C23" s="140">
        <v>17145</v>
      </c>
      <c r="D23" s="140">
        <v>88313</v>
      </c>
      <c r="E23" s="866">
        <v>44351</v>
      </c>
      <c r="F23" s="139">
        <v>152087</v>
      </c>
      <c r="G23" s="140">
        <v>17500</v>
      </c>
      <c r="H23" s="140">
        <v>88628</v>
      </c>
      <c r="I23" s="866">
        <v>44351</v>
      </c>
      <c r="J23" s="139">
        <v>-670</v>
      </c>
      <c r="K23" s="140">
        <v>-355</v>
      </c>
      <c r="L23" s="140">
        <v>-315</v>
      </c>
      <c r="M23" s="140">
        <v>0</v>
      </c>
      <c r="N23" s="141">
        <v>-0.44053732403163975</v>
      </c>
      <c r="O23" s="141">
        <v>-2.0285714285714285</v>
      </c>
      <c r="P23" s="141">
        <v>-0.3554181522769328</v>
      </c>
      <c r="Q23" s="143">
        <v>0</v>
      </c>
      <c r="R23" s="144">
        <v>11.4</v>
      </c>
      <c r="S23" s="144">
        <v>59</v>
      </c>
      <c r="T23" s="145">
        <v>29.6</v>
      </c>
      <c r="U23" s="150">
        <v>48.92</v>
      </c>
      <c r="V23" s="147">
        <v>258.7</v>
      </c>
      <c r="W23" s="146"/>
    </row>
    <row r="24" spans="1:24" ht="12.75" customHeight="1">
      <c r="A24" s="149" t="s">
        <v>346</v>
      </c>
      <c r="B24" s="140">
        <v>310471</v>
      </c>
      <c r="C24" s="140">
        <v>37928</v>
      </c>
      <c r="D24" s="140">
        <v>195886</v>
      </c>
      <c r="E24" s="866">
        <v>70257</v>
      </c>
      <c r="F24" s="139">
        <v>311146</v>
      </c>
      <c r="G24" s="140">
        <v>38575</v>
      </c>
      <c r="H24" s="140">
        <v>196918</v>
      </c>
      <c r="I24" s="866">
        <v>69253</v>
      </c>
      <c r="J24" s="139">
        <v>-675</v>
      </c>
      <c r="K24" s="140">
        <v>-647</v>
      </c>
      <c r="L24" s="140">
        <v>-1032</v>
      </c>
      <c r="M24" s="140">
        <v>1004</v>
      </c>
      <c r="N24" s="141">
        <v>-0.21693995744762909</v>
      </c>
      <c r="O24" s="141">
        <v>-1.6772521062864549</v>
      </c>
      <c r="P24" s="141">
        <v>-0.52407601133466719</v>
      </c>
      <c r="Q24" s="143">
        <v>1.4497566892408993</v>
      </c>
      <c r="R24" s="144">
        <v>12.5</v>
      </c>
      <c r="S24" s="144">
        <v>64.400000000000006</v>
      </c>
      <c r="T24" s="145">
        <v>23.1</v>
      </c>
      <c r="U24" s="150">
        <v>46.06</v>
      </c>
      <c r="V24" s="147">
        <v>185.2</v>
      </c>
      <c r="W24" s="146"/>
    </row>
    <row r="25" spans="1:24" ht="12.75" customHeight="1">
      <c r="A25" s="149" t="s">
        <v>347</v>
      </c>
      <c r="B25" s="140">
        <v>214886</v>
      </c>
      <c r="C25" s="140">
        <v>30373</v>
      </c>
      <c r="D25" s="140">
        <v>140874</v>
      </c>
      <c r="E25" s="866">
        <v>40382</v>
      </c>
      <c r="F25" s="139">
        <v>214891</v>
      </c>
      <c r="G25" s="140">
        <v>31294</v>
      </c>
      <c r="H25" s="140">
        <v>140627</v>
      </c>
      <c r="I25" s="866">
        <v>39713</v>
      </c>
      <c r="J25" s="139">
        <v>-5</v>
      </c>
      <c r="K25" s="140">
        <v>-921</v>
      </c>
      <c r="L25" s="140">
        <v>247</v>
      </c>
      <c r="M25" s="140">
        <v>669</v>
      </c>
      <c r="N25" s="141">
        <v>-2.3267610090697147E-3</v>
      </c>
      <c r="O25" s="141">
        <v>-2.9430561769029207</v>
      </c>
      <c r="P25" s="141">
        <v>0.17564194642565084</v>
      </c>
      <c r="Q25" s="143">
        <v>1.6845869110870497</v>
      </c>
      <c r="R25" s="144">
        <v>14.4</v>
      </c>
      <c r="S25" s="144">
        <v>66.599999999999994</v>
      </c>
      <c r="T25" s="145">
        <v>19.100000000000001</v>
      </c>
      <c r="U25" s="150">
        <v>43.86</v>
      </c>
      <c r="V25" s="147">
        <v>133</v>
      </c>
      <c r="W25" s="146"/>
    </row>
    <row r="26" spans="1:24" ht="9" customHeight="1">
      <c r="A26" s="149"/>
      <c r="B26" s="140"/>
      <c r="C26" s="140"/>
      <c r="D26" s="140"/>
      <c r="E26" s="866"/>
      <c r="F26" s="139"/>
      <c r="G26" s="140"/>
      <c r="H26" s="140"/>
      <c r="I26" s="866"/>
      <c r="J26" s="139"/>
      <c r="K26" s="140"/>
      <c r="L26" s="140"/>
      <c r="M26" s="140"/>
      <c r="N26" s="141"/>
      <c r="O26" s="142"/>
      <c r="P26" s="142"/>
      <c r="Q26" s="143"/>
      <c r="R26" s="144"/>
      <c r="S26" s="144"/>
      <c r="T26" s="145"/>
      <c r="U26" s="150"/>
      <c r="V26" s="147"/>
      <c r="W26" s="146"/>
    </row>
    <row r="27" spans="1:24" s="622" customFormat="1" ht="12.75" customHeight="1">
      <c r="A27" s="188" t="s">
        <v>348</v>
      </c>
      <c r="B27" s="137">
        <v>1540516</v>
      </c>
      <c r="C27" s="137">
        <v>182751</v>
      </c>
      <c r="D27" s="137">
        <v>1006826</v>
      </c>
      <c r="E27" s="865">
        <v>304589</v>
      </c>
      <c r="F27" s="136">
        <v>1538825</v>
      </c>
      <c r="G27" s="137">
        <v>186286</v>
      </c>
      <c r="H27" s="137">
        <v>1002490</v>
      </c>
      <c r="I27" s="865">
        <v>303699</v>
      </c>
      <c r="J27" s="136">
        <v>1691</v>
      </c>
      <c r="K27" s="137">
        <v>-3535</v>
      </c>
      <c r="L27" s="137">
        <v>4336</v>
      </c>
      <c r="M27" s="137">
        <v>890</v>
      </c>
      <c r="N27" s="623">
        <v>0.10988903871460368</v>
      </c>
      <c r="O27" s="623">
        <v>-1.8976197889267041</v>
      </c>
      <c r="P27" s="623">
        <v>0.43252301768596191</v>
      </c>
      <c r="Q27" s="624">
        <v>0.29305331924043215</v>
      </c>
      <c r="R27" s="615">
        <v>12.2</v>
      </c>
      <c r="S27" s="615">
        <v>67.400000000000006</v>
      </c>
      <c r="T27" s="616">
        <v>20.399999999999999</v>
      </c>
      <c r="U27" s="625">
        <v>44.22</v>
      </c>
      <c r="V27" s="626">
        <v>166.7</v>
      </c>
      <c r="W27" s="152"/>
      <c r="X27" s="621"/>
    </row>
    <row r="28" spans="1:24" ht="12.75" customHeight="1">
      <c r="A28" s="149" t="s">
        <v>349</v>
      </c>
      <c r="B28" s="140">
        <v>230018</v>
      </c>
      <c r="C28" s="140">
        <v>23225</v>
      </c>
      <c r="D28" s="140">
        <v>146879</v>
      </c>
      <c r="E28" s="866">
        <v>49099</v>
      </c>
      <c r="F28" s="139">
        <v>230553</v>
      </c>
      <c r="G28" s="140">
        <v>23915</v>
      </c>
      <c r="H28" s="140">
        <v>146334</v>
      </c>
      <c r="I28" s="866">
        <v>49489</v>
      </c>
      <c r="J28" s="139">
        <v>-535</v>
      </c>
      <c r="K28" s="140">
        <v>-690</v>
      </c>
      <c r="L28" s="140">
        <v>545</v>
      </c>
      <c r="M28" s="140">
        <v>-390</v>
      </c>
      <c r="N28" s="141">
        <v>-0.23205076490004467</v>
      </c>
      <c r="O28" s="141">
        <v>-2.8852184821241895</v>
      </c>
      <c r="P28" s="141">
        <v>0.37243566088537183</v>
      </c>
      <c r="Q28" s="143">
        <v>-0.78805391097011468</v>
      </c>
      <c r="R28" s="144">
        <v>10.6</v>
      </c>
      <c r="S28" s="144">
        <v>67</v>
      </c>
      <c r="T28" s="145">
        <v>22.4</v>
      </c>
      <c r="U28" s="150">
        <v>45.54</v>
      </c>
      <c r="V28" s="147">
        <v>211.4</v>
      </c>
      <c r="W28" s="146"/>
    </row>
    <row r="29" spans="1:24" ht="12.75" customHeight="1">
      <c r="A29" s="149" t="s">
        <v>350</v>
      </c>
      <c r="B29" s="140">
        <v>171590</v>
      </c>
      <c r="C29" s="140">
        <v>22661</v>
      </c>
      <c r="D29" s="140">
        <v>110338</v>
      </c>
      <c r="E29" s="866">
        <v>36699</v>
      </c>
      <c r="F29" s="139">
        <v>171272</v>
      </c>
      <c r="G29" s="140">
        <v>22858</v>
      </c>
      <c r="H29" s="140">
        <v>109709</v>
      </c>
      <c r="I29" s="866">
        <v>36813</v>
      </c>
      <c r="J29" s="139">
        <v>318</v>
      </c>
      <c r="K29" s="140">
        <v>-197</v>
      </c>
      <c r="L29" s="140">
        <v>629</v>
      </c>
      <c r="M29" s="140">
        <v>-114</v>
      </c>
      <c r="N29" s="141">
        <v>0.18566957821476948</v>
      </c>
      <c r="O29" s="141">
        <v>-0.86184268089946636</v>
      </c>
      <c r="P29" s="141">
        <v>0.57333491327056119</v>
      </c>
      <c r="Q29" s="143">
        <v>-0.30967321326705238</v>
      </c>
      <c r="R29" s="144">
        <v>13.4</v>
      </c>
      <c r="S29" s="144">
        <v>65</v>
      </c>
      <c r="T29" s="145">
        <v>21.6</v>
      </c>
      <c r="U29" s="150">
        <v>44.46</v>
      </c>
      <c r="V29" s="147">
        <v>161.9</v>
      </c>
      <c r="W29" s="146"/>
    </row>
    <row r="30" spans="1:24" ht="12.75" customHeight="1">
      <c r="A30" s="149" t="s">
        <v>351</v>
      </c>
      <c r="B30" s="140">
        <v>265219</v>
      </c>
      <c r="C30" s="140">
        <v>33081</v>
      </c>
      <c r="D30" s="140">
        <v>184739</v>
      </c>
      <c r="E30" s="866">
        <v>40143</v>
      </c>
      <c r="F30" s="139">
        <v>264214</v>
      </c>
      <c r="G30" s="140">
        <v>33617</v>
      </c>
      <c r="H30" s="140">
        <v>183488</v>
      </c>
      <c r="I30" s="866">
        <v>39853</v>
      </c>
      <c r="J30" s="139">
        <v>1005</v>
      </c>
      <c r="K30" s="140">
        <v>-536</v>
      </c>
      <c r="L30" s="140">
        <v>1251</v>
      </c>
      <c r="M30" s="140">
        <v>290</v>
      </c>
      <c r="N30" s="141">
        <v>0.38037348512947838</v>
      </c>
      <c r="O30" s="141">
        <v>-1.5944313888806259</v>
      </c>
      <c r="P30" s="141">
        <v>0.68178845483083361</v>
      </c>
      <c r="Q30" s="143">
        <v>0.72767420269490379</v>
      </c>
      <c r="R30" s="144">
        <v>12.8</v>
      </c>
      <c r="S30" s="144">
        <v>71.599999999999994</v>
      </c>
      <c r="T30" s="145">
        <v>15.6</v>
      </c>
      <c r="U30" s="150">
        <v>41.71</v>
      </c>
      <c r="V30" s="147">
        <v>121.3</v>
      </c>
      <c r="W30" s="146"/>
    </row>
    <row r="31" spans="1:24" ht="12.75" customHeight="1">
      <c r="A31" s="149" t="s">
        <v>352</v>
      </c>
      <c r="B31" s="140">
        <v>233880</v>
      </c>
      <c r="C31" s="140">
        <v>27984</v>
      </c>
      <c r="D31" s="140">
        <v>154822</v>
      </c>
      <c r="E31" s="866">
        <v>43824</v>
      </c>
      <c r="F31" s="139">
        <v>234478</v>
      </c>
      <c r="G31" s="140">
        <v>28705</v>
      </c>
      <c r="H31" s="140">
        <v>154935</v>
      </c>
      <c r="I31" s="866">
        <v>43588</v>
      </c>
      <c r="J31" s="139">
        <v>-598</v>
      </c>
      <c r="K31" s="140">
        <v>-721</v>
      </c>
      <c r="L31" s="140">
        <v>-113</v>
      </c>
      <c r="M31" s="140">
        <v>236</v>
      </c>
      <c r="N31" s="141">
        <v>-0.25503458746662799</v>
      </c>
      <c r="O31" s="141">
        <v>-2.5117575335307438</v>
      </c>
      <c r="P31" s="141">
        <v>-7.293381095298028E-2</v>
      </c>
      <c r="Q31" s="143">
        <v>0.54143342204276401</v>
      </c>
      <c r="R31" s="144">
        <v>12.3</v>
      </c>
      <c r="S31" s="144">
        <v>68.3</v>
      </c>
      <c r="T31" s="145">
        <v>19.3</v>
      </c>
      <c r="U31" s="150">
        <v>43.77</v>
      </c>
      <c r="V31" s="147">
        <v>156.6</v>
      </c>
      <c r="W31" s="146"/>
    </row>
    <row r="32" spans="1:24" ht="12.75" customHeight="1">
      <c r="A32" s="149" t="s">
        <v>353</v>
      </c>
      <c r="B32" s="140">
        <v>224176</v>
      </c>
      <c r="C32" s="140">
        <v>22996</v>
      </c>
      <c r="D32" s="140">
        <v>149401</v>
      </c>
      <c r="E32" s="866">
        <v>43191</v>
      </c>
      <c r="F32" s="139">
        <v>223088</v>
      </c>
      <c r="G32" s="140">
        <v>23236</v>
      </c>
      <c r="H32" s="140">
        <v>148194</v>
      </c>
      <c r="I32" s="866">
        <v>43070</v>
      </c>
      <c r="J32" s="139">
        <v>1088</v>
      </c>
      <c r="K32" s="140">
        <v>-240</v>
      </c>
      <c r="L32" s="140">
        <v>1207</v>
      </c>
      <c r="M32" s="140">
        <v>121</v>
      </c>
      <c r="N32" s="141">
        <v>0.48769992110736565</v>
      </c>
      <c r="O32" s="141">
        <v>-1.0328800137717336</v>
      </c>
      <c r="P32" s="141">
        <v>0.81447292063106469</v>
      </c>
      <c r="Q32" s="143">
        <v>0.28093800789412582</v>
      </c>
      <c r="R32" s="144">
        <v>10.7</v>
      </c>
      <c r="S32" s="144">
        <v>69.3</v>
      </c>
      <c r="T32" s="145">
        <v>20</v>
      </c>
      <c r="U32" s="150">
        <v>43.95</v>
      </c>
      <c r="V32" s="147">
        <v>187.8</v>
      </c>
      <c r="W32" s="146"/>
    </row>
    <row r="33" spans="1:23" s="79" customFormat="1" ht="12.75" customHeight="1">
      <c r="A33" s="149" t="s">
        <v>354</v>
      </c>
      <c r="B33" s="140">
        <v>234828</v>
      </c>
      <c r="C33" s="140">
        <v>30837</v>
      </c>
      <c r="D33" s="140">
        <v>149278</v>
      </c>
      <c r="E33" s="866">
        <v>48116</v>
      </c>
      <c r="F33" s="139">
        <v>234394</v>
      </c>
      <c r="G33" s="140">
        <v>31449</v>
      </c>
      <c r="H33" s="140">
        <v>148642</v>
      </c>
      <c r="I33" s="866">
        <v>47706</v>
      </c>
      <c r="J33" s="139">
        <v>434</v>
      </c>
      <c r="K33" s="140">
        <v>-612</v>
      </c>
      <c r="L33" s="140">
        <v>636</v>
      </c>
      <c r="M33" s="140">
        <v>410</v>
      </c>
      <c r="N33" s="141">
        <v>0.18515832316526876</v>
      </c>
      <c r="O33" s="141">
        <v>-1.9460078221883048</v>
      </c>
      <c r="P33" s="141">
        <v>0.42787368307746132</v>
      </c>
      <c r="Q33" s="143">
        <v>0.85943067957908859</v>
      </c>
      <c r="R33" s="144">
        <v>13.5</v>
      </c>
      <c r="S33" s="144">
        <v>65.400000000000006</v>
      </c>
      <c r="T33" s="145">
        <v>21.1</v>
      </c>
      <c r="U33" s="150">
        <v>44.65</v>
      </c>
      <c r="V33" s="147">
        <v>156</v>
      </c>
      <c r="W33" s="146"/>
    </row>
    <row r="34" spans="1:23" s="79" customFormat="1" ht="12.75" customHeight="1">
      <c r="A34" s="149" t="s">
        <v>355</v>
      </c>
      <c r="B34" s="140">
        <v>180805</v>
      </c>
      <c r="C34" s="140">
        <v>21967</v>
      </c>
      <c r="D34" s="140">
        <v>111369</v>
      </c>
      <c r="E34" s="866">
        <v>43517</v>
      </c>
      <c r="F34" s="139">
        <v>180826</v>
      </c>
      <c r="G34" s="140">
        <v>22506</v>
      </c>
      <c r="H34" s="140">
        <v>111188</v>
      </c>
      <c r="I34" s="866">
        <v>43180</v>
      </c>
      <c r="J34" s="139">
        <v>-21</v>
      </c>
      <c r="K34" s="140">
        <v>-539</v>
      </c>
      <c r="L34" s="140">
        <v>181</v>
      </c>
      <c r="M34" s="140">
        <v>337</v>
      </c>
      <c r="N34" s="141">
        <v>-1.1613374182916173E-2</v>
      </c>
      <c r="O34" s="141">
        <v>-2.3949169110459434</v>
      </c>
      <c r="P34" s="141">
        <v>0.16278735115300211</v>
      </c>
      <c r="Q34" s="143">
        <v>0.7804539138490042</v>
      </c>
      <c r="R34" s="144">
        <v>12.4</v>
      </c>
      <c r="S34" s="144">
        <v>63</v>
      </c>
      <c r="T34" s="145">
        <v>24.6</v>
      </c>
      <c r="U34" s="150">
        <v>46.38</v>
      </c>
      <c r="V34" s="147">
        <v>198.1</v>
      </c>
      <c r="W34" s="146"/>
    </row>
    <row r="35" spans="1:23" s="79" customFormat="1" ht="9" customHeight="1">
      <c r="A35" s="173"/>
      <c r="B35" s="140"/>
      <c r="C35" s="140"/>
      <c r="D35" s="140"/>
      <c r="E35" s="866"/>
      <c r="F35" s="139"/>
      <c r="G35" s="140"/>
      <c r="H35" s="140"/>
      <c r="I35" s="866"/>
      <c r="J35" s="139"/>
      <c r="K35" s="140"/>
      <c r="L35" s="140"/>
      <c r="M35" s="140"/>
      <c r="N35" s="141"/>
      <c r="O35" s="142"/>
      <c r="P35" s="142"/>
      <c r="Q35" s="143"/>
      <c r="R35" s="144"/>
      <c r="S35" s="144"/>
      <c r="T35" s="145"/>
      <c r="U35" s="146"/>
      <c r="V35" s="147"/>
      <c r="W35" s="146"/>
    </row>
    <row r="36" spans="1:23" s="79" customFormat="1" ht="12.75" customHeight="1">
      <c r="A36" s="189" t="s">
        <v>356</v>
      </c>
      <c r="B36" s="137">
        <v>679613</v>
      </c>
      <c r="C36" s="137">
        <v>69840</v>
      </c>
      <c r="D36" s="137">
        <v>385221</v>
      </c>
      <c r="E36" s="865">
        <v>220737</v>
      </c>
      <c r="F36" s="136">
        <v>685839</v>
      </c>
      <c r="G36" s="137">
        <v>71884</v>
      </c>
      <c r="H36" s="137">
        <v>387756</v>
      </c>
      <c r="I36" s="865">
        <v>222384</v>
      </c>
      <c r="J36" s="136">
        <v>-6226</v>
      </c>
      <c r="K36" s="137">
        <v>-2044</v>
      </c>
      <c r="L36" s="137">
        <v>-2535</v>
      </c>
      <c r="M36" s="137">
        <v>-1647</v>
      </c>
      <c r="N36" s="623">
        <v>-0.90779322843991084</v>
      </c>
      <c r="O36" s="623">
        <v>-2.8434700350564799</v>
      </c>
      <c r="P36" s="623">
        <v>-0.65376164392040359</v>
      </c>
      <c r="Q36" s="624">
        <v>-0.74061083531189298</v>
      </c>
      <c r="R36" s="615">
        <v>10.3</v>
      </c>
      <c r="S36" s="615">
        <v>57</v>
      </c>
      <c r="T36" s="616">
        <v>32.700000000000003</v>
      </c>
      <c r="U36" s="625">
        <v>50.69</v>
      </c>
      <c r="V36" s="626">
        <v>316.10000000000002</v>
      </c>
      <c r="W36" s="138"/>
    </row>
    <row r="37" spans="1:23" s="79" customFormat="1" ht="12.75" customHeight="1">
      <c r="A37" s="173" t="s">
        <v>357</v>
      </c>
      <c r="B37" s="140">
        <v>378814</v>
      </c>
      <c r="C37" s="140">
        <v>37786</v>
      </c>
      <c r="D37" s="140">
        <v>216828</v>
      </c>
      <c r="E37" s="866">
        <v>123514</v>
      </c>
      <c r="F37" s="139">
        <v>383260</v>
      </c>
      <c r="G37" s="140">
        <v>39059</v>
      </c>
      <c r="H37" s="140">
        <v>219118</v>
      </c>
      <c r="I37" s="866">
        <v>124397</v>
      </c>
      <c r="J37" s="139">
        <v>-4446</v>
      </c>
      <c r="K37" s="140">
        <v>-1273</v>
      </c>
      <c r="L37" s="140">
        <v>-2290</v>
      </c>
      <c r="M37" s="140">
        <v>-883</v>
      </c>
      <c r="N37" s="141">
        <v>-1.1600480091843657</v>
      </c>
      <c r="O37" s="141">
        <v>-3.2591720218131544</v>
      </c>
      <c r="P37" s="141">
        <v>-1.0450989877600196</v>
      </c>
      <c r="Q37" s="143">
        <v>-0.70982419190173396</v>
      </c>
      <c r="R37" s="144">
        <v>10</v>
      </c>
      <c r="S37" s="144">
        <v>57.3</v>
      </c>
      <c r="T37" s="145">
        <v>32.700000000000003</v>
      </c>
      <c r="U37" s="150">
        <v>50.34</v>
      </c>
      <c r="V37" s="147">
        <v>326.89999999999998</v>
      </c>
      <c r="W37" s="146"/>
    </row>
    <row r="38" spans="1:23" s="79" customFormat="1" ht="12.75" customHeight="1">
      <c r="A38" s="173" t="s">
        <v>358</v>
      </c>
      <c r="B38" s="140">
        <v>172107</v>
      </c>
      <c r="C38" s="140">
        <v>18828</v>
      </c>
      <c r="D38" s="140">
        <v>99707</v>
      </c>
      <c r="E38" s="866">
        <v>52683</v>
      </c>
      <c r="F38" s="139">
        <v>172698</v>
      </c>
      <c r="G38" s="140">
        <v>19260</v>
      </c>
      <c r="H38" s="140">
        <v>99405</v>
      </c>
      <c r="I38" s="866">
        <v>53144</v>
      </c>
      <c r="J38" s="139">
        <v>-591</v>
      </c>
      <c r="K38" s="140">
        <v>-432</v>
      </c>
      <c r="L38" s="140">
        <v>302</v>
      </c>
      <c r="M38" s="140">
        <v>-461</v>
      </c>
      <c r="N38" s="141">
        <v>-0.34221589132474028</v>
      </c>
      <c r="O38" s="141">
        <v>-2.2429906542056073</v>
      </c>
      <c r="P38" s="141">
        <v>0.30380765555052563</v>
      </c>
      <c r="Q38" s="143">
        <v>-0.86745446334487419</v>
      </c>
      <c r="R38" s="144">
        <v>11</v>
      </c>
      <c r="S38" s="144">
        <v>58.2</v>
      </c>
      <c r="T38" s="145">
        <v>30.8</v>
      </c>
      <c r="U38" s="150">
        <v>50.29</v>
      </c>
      <c r="V38" s="147">
        <v>279.8</v>
      </c>
      <c r="W38" s="146"/>
    </row>
    <row r="39" spans="1:23" s="79" customFormat="1" ht="12.75" customHeight="1">
      <c r="A39" s="173" t="s">
        <v>359</v>
      </c>
      <c r="B39" s="140">
        <v>56437</v>
      </c>
      <c r="C39" s="140">
        <v>6193</v>
      </c>
      <c r="D39" s="140">
        <v>31047</v>
      </c>
      <c r="E39" s="866">
        <v>17615</v>
      </c>
      <c r="F39" s="139">
        <v>56869</v>
      </c>
      <c r="G39" s="140">
        <v>6253</v>
      </c>
      <c r="H39" s="140">
        <v>31253</v>
      </c>
      <c r="I39" s="866">
        <v>17781</v>
      </c>
      <c r="J39" s="139">
        <v>-432</v>
      </c>
      <c r="K39" s="140">
        <v>-60</v>
      </c>
      <c r="L39" s="140">
        <v>-206</v>
      </c>
      <c r="M39" s="140">
        <v>-166</v>
      </c>
      <c r="N39" s="141">
        <v>-0.75964057746751312</v>
      </c>
      <c r="O39" s="141">
        <v>-0.9595394210778827</v>
      </c>
      <c r="P39" s="141">
        <v>-0.65913672287460401</v>
      </c>
      <c r="Q39" s="143">
        <v>-0.93358078848208759</v>
      </c>
      <c r="R39" s="144">
        <v>11.3</v>
      </c>
      <c r="S39" s="144">
        <v>56.6</v>
      </c>
      <c r="T39" s="145">
        <v>32.1</v>
      </c>
      <c r="U39" s="150">
        <v>50.92</v>
      </c>
      <c r="V39" s="147">
        <v>284.39999999999998</v>
      </c>
      <c r="W39" s="146"/>
    </row>
    <row r="40" spans="1:23" s="79" customFormat="1" ht="12.75" customHeight="1">
      <c r="A40" s="173" t="s">
        <v>360</v>
      </c>
      <c r="B40" s="140">
        <v>40841</v>
      </c>
      <c r="C40" s="140">
        <v>3203</v>
      </c>
      <c r="D40" s="140">
        <v>20527</v>
      </c>
      <c r="E40" s="866">
        <v>16936</v>
      </c>
      <c r="F40" s="139">
        <v>41361</v>
      </c>
      <c r="G40" s="140">
        <v>3353</v>
      </c>
      <c r="H40" s="140">
        <v>20853</v>
      </c>
      <c r="I40" s="866">
        <v>16980</v>
      </c>
      <c r="J40" s="139">
        <v>-520</v>
      </c>
      <c r="K40" s="140">
        <v>-150</v>
      </c>
      <c r="L40" s="140">
        <v>-326</v>
      </c>
      <c r="M40" s="140">
        <v>-44</v>
      </c>
      <c r="N40" s="141">
        <v>-1.2572229878387853</v>
      </c>
      <c r="O40" s="141">
        <v>-4.4736057262153297</v>
      </c>
      <c r="P40" s="141">
        <v>-1.5633242219344941</v>
      </c>
      <c r="Q40" s="143">
        <v>-0.25912838633686691</v>
      </c>
      <c r="R40" s="144">
        <v>7.9</v>
      </c>
      <c r="S40" s="144">
        <v>50.5</v>
      </c>
      <c r="T40" s="145">
        <v>41.6</v>
      </c>
      <c r="U40" s="150">
        <v>55.17</v>
      </c>
      <c r="V40" s="147">
        <v>528.79999999999995</v>
      </c>
      <c r="W40" s="146"/>
    </row>
    <row r="41" spans="1:23" s="79" customFormat="1" ht="12.75" customHeight="1">
      <c r="A41" s="173" t="s">
        <v>361</v>
      </c>
      <c r="B41" s="140">
        <v>31414</v>
      </c>
      <c r="C41" s="140">
        <v>3830</v>
      </c>
      <c r="D41" s="140">
        <v>17112</v>
      </c>
      <c r="E41" s="866">
        <v>9989</v>
      </c>
      <c r="F41" s="139">
        <v>31651</v>
      </c>
      <c r="G41" s="140">
        <v>3959</v>
      </c>
      <c r="H41" s="140">
        <v>17127</v>
      </c>
      <c r="I41" s="866">
        <v>10082</v>
      </c>
      <c r="J41" s="139">
        <v>-237</v>
      </c>
      <c r="K41" s="140">
        <v>-129</v>
      </c>
      <c r="L41" s="140">
        <v>-15</v>
      </c>
      <c r="M41" s="140">
        <v>-93</v>
      </c>
      <c r="N41" s="141">
        <v>-0.74879150737733402</v>
      </c>
      <c r="O41" s="141">
        <v>-3.2583985855013897</v>
      </c>
      <c r="P41" s="141">
        <v>-8.7581012436503763E-2</v>
      </c>
      <c r="Q41" s="143">
        <v>-0.92243602459829399</v>
      </c>
      <c r="R41" s="144">
        <v>12.4</v>
      </c>
      <c r="S41" s="144">
        <v>55.3</v>
      </c>
      <c r="T41" s="145">
        <v>32.299999999999997</v>
      </c>
      <c r="U41" s="150">
        <v>50.76</v>
      </c>
      <c r="V41" s="147">
        <v>260.8</v>
      </c>
      <c r="W41" s="146"/>
    </row>
    <row r="42" spans="1:23" s="79" customFormat="1" ht="9" customHeight="1">
      <c r="A42" s="173"/>
      <c r="B42" s="140"/>
      <c r="C42" s="140"/>
      <c r="D42" s="140"/>
      <c r="E42" s="866"/>
      <c r="F42" s="139"/>
      <c r="G42" s="140"/>
      <c r="H42" s="140"/>
      <c r="I42" s="866"/>
      <c r="J42" s="139"/>
      <c r="K42" s="140"/>
      <c r="L42" s="140"/>
      <c r="M42" s="140"/>
      <c r="N42" s="141"/>
      <c r="O42" s="142"/>
      <c r="P42" s="142"/>
      <c r="Q42" s="143"/>
      <c r="R42" s="144"/>
      <c r="S42" s="144"/>
      <c r="T42" s="145"/>
      <c r="U42" s="146"/>
      <c r="V42" s="147"/>
      <c r="W42" s="146"/>
    </row>
    <row r="43" spans="1:23" s="79" customFormat="1" ht="12.75" customHeight="1">
      <c r="A43" s="189" t="s">
        <v>362</v>
      </c>
      <c r="B43" s="137">
        <v>1590272</v>
      </c>
      <c r="C43" s="137">
        <v>179899</v>
      </c>
      <c r="D43" s="137">
        <v>963189</v>
      </c>
      <c r="E43" s="865">
        <v>408423</v>
      </c>
      <c r="F43" s="136">
        <v>1586768</v>
      </c>
      <c r="G43" s="137">
        <v>182382</v>
      </c>
      <c r="H43" s="137">
        <v>958242</v>
      </c>
      <c r="I43" s="865">
        <v>407382</v>
      </c>
      <c r="J43" s="136">
        <v>3504</v>
      </c>
      <c r="K43" s="137">
        <v>-2483</v>
      </c>
      <c r="L43" s="137">
        <v>4947</v>
      </c>
      <c r="M43" s="137">
        <v>1041</v>
      </c>
      <c r="N43" s="623">
        <v>0.22082623294646728</v>
      </c>
      <c r="O43" s="623">
        <v>-1.361428211117325</v>
      </c>
      <c r="P43" s="623">
        <v>0.51625789727438365</v>
      </c>
      <c r="Q43" s="624">
        <v>0.25553411785498625</v>
      </c>
      <c r="R43" s="615">
        <v>11.6</v>
      </c>
      <c r="S43" s="615">
        <v>62.1</v>
      </c>
      <c r="T43" s="616">
        <v>26.3</v>
      </c>
      <c r="U43" s="625">
        <v>47.07</v>
      </c>
      <c r="V43" s="626">
        <v>227</v>
      </c>
      <c r="W43" s="138"/>
    </row>
    <row r="44" spans="1:23" s="79" customFormat="1" ht="12.75" customHeight="1">
      <c r="A44" s="173" t="s">
        <v>363</v>
      </c>
      <c r="B44" s="140">
        <v>726031</v>
      </c>
      <c r="C44" s="140">
        <v>79146</v>
      </c>
      <c r="D44" s="140">
        <v>437023</v>
      </c>
      <c r="E44" s="866">
        <v>187997</v>
      </c>
      <c r="F44" s="139">
        <v>726025</v>
      </c>
      <c r="G44" s="140">
        <v>80761</v>
      </c>
      <c r="H44" s="140">
        <v>435892</v>
      </c>
      <c r="I44" s="866">
        <v>187507</v>
      </c>
      <c r="J44" s="139">
        <v>6</v>
      </c>
      <c r="K44" s="140">
        <v>-1615</v>
      </c>
      <c r="L44" s="140">
        <v>1131</v>
      </c>
      <c r="M44" s="140">
        <v>490</v>
      </c>
      <c r="N44" s="141">
        <v>8.2641782307771772E-4</v>
      </c>
      <c r="O44" s="141">
        <v>-1.999727591287874</v>
      </c>
      <c r="P44" s="141">
        <v>0.25946794160021291</v>
      </c>
      <c r="Q44" s="143">
        <v>0.26132357725311589</v>
      </c>
      <c r="R44" s="144">
        <v>11.2</v>
      </c>
      <c r="S44" s="144">
        <v>62.1</v>
      </c>
      <c r="T44" s="145">
        <v>26.7</v>
      </c>
      <c r="U44" s="150">
        <v>47.36</v>
      </c>
      <c r="V44" s="147">
        <v>237.5</v>
      </c>
      <c r="W44" s="146"/>
    </row>
    <row r="45" spans="1:23" s="79" customFormat="1" ht="12.75" customHeight="1">
      <c r="A45" s="149" t="s">
        <v>342</v>
      </c>
      <c r="B45" s="140">
        <v>168690</v>
      </c>
      <c r="C45" s="140">
        <v>17602</v>
      </c>
      <c r="D45" s="140">
        <v>98433</v>
      </c>
      <c r="E45" s="866">
        <v>48393</v>
      </c>
      <c r="F45" s="139">
        <v>169461</v>
      </c>
      <c r="G45" s="140">
        <v>18160</v>
      </c>
      <c r="H45" s="140">
        <v>98760</v>
      </c>
      <c r="I45" s="866">
        <v>48279</v>
      </c>
      <c r="J45" s="139">
        <v>-771</v>
      </c>
      <c r="K45" s="140">
        <v>-558</v>
      </c>
      <c r="L45" s="140">
        <v>-327</v>
      </c>
      <c r="M45" s="140">
        <v>114</v>
      </c>
      <c r="N45" s="141">
        <v>-0.45497194044647443</v>
      </c>
      <c r="O45" s="141">
        <v>-3.0726872246696035</v>
      </c>
      <c r="P45" s="141">
        <v>-0.33110571081409479</v>
      </c>
      <c r="Q45" s="143">
        <v>0.23612750885478156</v>
      </c>
      <c r="R45" s="144">
        <v>10.7</v>
      </c>
      <c r="S45" s="144">
        <v>59.9</v>
      </c>
      <c r="T45" s="145">
        <v>29.4</v>
      </c>
      <c r="U45" s="150">
        <v>48.48</v>
      </c>
      <c r="V45" s="147">
        <v>274.89999999999998</v>
      </c>
      <c r="W45" s="146"/>
    </row>
    <row r="46" spans="1:23" s="79" customFormat="1" ht="12.75" customHeight="1">
      <c r="A46" s="149" t="s">
        <v>364</v>
      </c>
      <c r="B46" s="140">
        <v>274470</v>
      </c>
      <c r="C46" s="140">
        <v>31185</v>
      </c>
      <c r="D46" s="140">
        <v>166800</v>
      </c>
      <c r="E46" s="866">
        <v>68079</v>
      </c>
      <c r="F46" s="139">
        <v>274070</v>
      </c>
      <c r="G46" s="140">
        <v>31727</v>
      </c>
      <c r="H46" s="140">
        <v>166172</v>
      </c>
      <c r="I46" s="866">
        <v>67765</v>
      </c>
      <c r="J46" s="139">
        <v>400</v>
      </c>
      <c r="K46" s="140">
        <v>-542</v>
      </c>
      <c r="L46" s="140">
        <v>628</v>
      </c>
      <c r="M46" s="140">
        <v>314</v>
      </c>
      <c r="N46" s="141">
        <v>0.14594811544495931</v>
      </c>
      <c r="O46" s="141">
        <v>-1.708324140322123</v>
      </c>
      <c r="P46" s="141">
        <v>0.37792167152107453</v>
      </c>
      <c r="Q46" s="143">
        <v>0.46336604441820994</v>
      </c>
      <c r="R46" s="144">
        <v>11.7</v>
      </c>
      <c r="S46" s="144">
        <v>62.7</v>
      </c>
      <c r="T46" s="145">
        <v>25.6</v>
      </c>
      <c r="U46" s="150">
        <v>46.78</v>
      </c>
      <c r="V46" s="147">
        <v>218.3</v>
      </c>
      <c r="W46" s="146"/>
    </row>
    <row r="47" spans="1:23" s="79" customFormat="1" ht="12.75" customHeight="1">
      <c r="A47" s="149" t="s">
        <v>334</v>
      </c>
      <c r="B47" s="140">
        <v>282871</v>
      </c>
      <c r="C47" s="140">
        <v>30359</v>
      </c>
      <c r="D47" s="140">
        <v>171790</v>
      </c>
      <c r="E47" s="866">
        <v>71525</v>
      </c>
      <c r="F47" s="139">
        <v>282494</v>
      </c>
      <c r="G47" s="140">
        <v>30874</v>
      </c>
      <c r="H47" s="140">
        <v>170960</v>
      </c>
      <c r="I47" s="866">
        <v>71463</v>
      </c>
      <c r="J47" s="139">
        <v>377</v>
      </c>
      <c r="K47" s="140">
        <v>-515</v>
      </c>
      <c r="L47" s="140">
        <v>830</v>
      </c>
      <c r="M47" s="140">
        <v>62</v>
      </c>
      <c r="N47" s="141">
        <v>0.13345416185830497</v>
      </c>
      <c r="O47" s="141">
        <v>-1.6680702208978426</v>
      </c>
      <c r="P47" s="141">
        <v>0.48549368273280297</v>
      </c>
      <c r="Q47" s="143">
        <v>8.6758182556008007E-2</v>
      </c>
      <c r="R47" s="144">
        <v>11.1</v>
      </c>
      <c r="S47" s="144">
        <v>62.8</v>
      </c>
      <c r="T47" s="145">
        <v>26.1</v>
      </c>
      <c r="U47" s="150">
        <v>47.25</v>
      </c>
      <c r="V47" s="147">
        <v>235.6</v>
      </c>
      <c r="W47" s="146"/>
    </row>
    <row r="48" spans="1:23" s="79" customFormat="1" ht="12.75" customHeight="1">
      <c r="A48" s="173" t="s">
        <v>365</v>
      </c>
      <c r="B48" s="140">
        <v>223956</v>
      </c>
      <c r="C48" s="140">
        <v>24871</v>
      </c>
      <c r="D48" s="140">
        <v>137461</v>
      </c>
      <c r="E48" s="866">
        <v>58422</v>
      </c>
      <c r="F48" s="139">
        <v>223571</v>
      </c>
      <c r="G48" s="140">
        <v>25446</v>
      </c>
      <c r="H48" s="140">
        <v>136736</v>
      </c>
      <c r="I48" s="866">
        <v>58187</v>
      </c>
      <c r="J48" s="139">
        <v>385</v>
      </c>
      <c r="K48" s="140">
        <v>-575</v>
      </c>
      <c r="L48" s="140">
        <v>725</v>
      </c>
      <c r="M48" s="140">
        <v>235</v>
      </c>
      <c r="N48" s="141">
        <v>0.17220480294850407</v>
      </c>
      <c r="O48" s="141">
        <v>-2.259687180696377</v>
      </c>
      <c r="P48" s="141">
        <v>0.53021881582026686</v>
      </c>
      <c r="Q48" s="143">
        <v>0.40387028030316047</v>
      </c>
      <c r="R48" s="144">
        <v>11.3</v>
      </c>
      <c r="S48" s="144">
        <v>62.3</v>
      </c>
      <c r="T48" s="145">
        <v>26.5</v>
      </c>
      <c r="U48" s="150">
        <v>46.98</v>
      </c>
      <c r="V48" s="147">
        <v>234.9</v>
      </c>
      <c r="W48" s="146"/>
    </row>
    <row r="49" spans="1:23" s="79" customFormat="1" ht="12.75" customHeight="1">
      <c r="A49" s="173" t="s">
        <v>366</v>
      </c>
      <c r="B49" s="140">
        <v>243067</v>
      </c>
      <c r="C49" s="140">
        <v>29148</v>
      </c>
      <c r="D49" s="140">
        <v>149895</v>
      </c>
      <c r="E49" s="866">
        <v>57190</v>
      </c>
      <c r="F49" s="139">
        <v>241583</v>
      </c>
      <c r="G49" s="140">
        <v>29086</v>
      </c>
      <c r="H49" s="140">
        <v>148585</v>
      </c>
      <c r="I49" s="866">
        <v>57078</v>
      </c>
      <c r="J49" s="139">
        <v>1484</v>
      </c>
      <c r="K49" s="140">
        <v>62</v>
      </c>
      <c r="L49" s="140">
        <v>1310</v>
      </c>
      <c r="M49" s="140">
        <v>112</v>
      </c>
      <c r="N49" s="141">
        <v>0.61428163405537639</v>
      </c>
      <c r="O49" s="141">
        <v>0.21316097091384173</v>
      </c>
      <c r="P49" s="141">
        <v>0.88165023387286734</v>
      </c>
      <c r="Q49" s="143">
        <v>0.19622271277900416</v>
      </c>
      <c r="R49" s="144">
        <v>12.3</v>
      </c>
      <c r="S49" s="144">
        <v>63.5</v>
      </c>
      <c r="T49" s="145">
        <v>24.2</v>
      </c>
      <c r="U49" s="150">
        <v>46.05</v>
      </c>
      <c r="V49" s="147">
        <v>196.2</v>
      </c>
      <c r="W49" s="146"/>
    </row>
    <row r="50" spans="1:23" s="79" customFormat="1" ht="12.75" customHeight="1">
      <c r="A50" s="173" t="s">
        <v>367</v>
      </c>
      <c r="B50" s="140">
        <v>139538</v>
      </c>
      <c r="C50" s="140">
        <v>17614</v>
      </c>
      <c r="D50" s="140">
        <v>85394</v>
      </c>
      <c r="E50" s="866">
        <v>34478</v>
      </c>
      <c r="F50" s="139">
        <v>137523</v>
      </c>
      <c r="G50" s="140">
        <v>17431</v>
      </c>
      <c r="H50" s="140">
        <v>83869</v>
      </c>
      <c r="I50" s="866">
        <v>34171</v>
      </c>
      <c r="J50" s="139">
        <v>2015</v>
      </c>
      <c r="K50" s="140">
        <v>183</v>
      </c>
      <c r="L50" s="140">
        <v>1525</v>
      </c>
      <c r="M50" s="140">
        <v>307</v>
      </c>
      <c r="N50" s="141">
        <v>1.4652094558728357</v>
      </c>
      <c r="O50" s="141">
        <v>1.0498537089094142</v>
      </c>
      <c r="P50" s="141">
        <v>1.8183118911636005</v>
      </c>
      <c r="Q50" s="143">
        <v>0.89842263907992159</v>
      </c>
      <c r="R50" s="144">
        <v>12.8</v>
      </c>
      <c r="S50" s="144">
        <v>62.1</v>
      </c>
      <c r="T50" s="145">
        <v>25.1</v>
      </c>
      <c r="U50" s="150">
        <v>46.03</v>
      </c>
      <c r="V50" s="147">
        <v>195.7</v>
      </c>
      <c r="W50" s="146"/>
    </row>
    <row r="51" spans="1:23" s="79" customFormat="1" ht="12.75" customHeight="1">
      <c r="A51" s="173" t="s">
        <v>368</v>
      </c>
      <c r="B51" s="140">
        <v>132080</v>
      </c>
      <c r="C51" s="140">
        <v>14521</v>
      </c>
      <c r="D51" s="140">
        <v>80231</v>
      </c>
      <c r="E51" s="866">
        <v>33986</v>
      </c>
      <c r="F51" s="139">
        <v>132260</v>
      </c>
      <c r="G51" s="140">
        <v>14758</v>
      </c>
      <c r="H51" s="140">
        <v>80217</v>
      </c>
      <c r="I51" s="866">
        <v>33943</v>
      </c>
      <c r="J51" s="139">
        <v>-180</v>
      </c>
      <c r="K51" s="140">
        <v>-237</v>
      </c>
      <c r="L51" s="140">
        <v>14</v>
      </c>
      <c r="M51" s="140">
        <v>43</v>
      </c>
      <c r="N51" s="141">
        <v>-0.13609556933313172</v>
      </c>
      <c r="O51" s="141">
        <v>-1.6059086597099876</v>
      </c>
      <c r="P51" s="141">
        <v>1.7452659660670434E-2</v>
      </c>
      <c r="Q51" s="143">
        <v>0.12668296850602481</v>
      </c>
      <c r="R51" s="144">
        <v>11.3</v>
      </c>
      <c r="S51" s="144">
        <v>62.3</v>
      </c>
      <c r="T51" s="145">
        <v>26.4</v>
      </c>
      <c r="U51" s="150">
        <v>47.59</v>
      </c>
      <c r="V51" s="147">
        <v>234</v>
      </c>
      <c r="W51" s="146"/>
    </row>
    <row r="52" spans="1:23" s="79" customFormat="1" ht="12.75" customHeight="1">
      <c r="A52" s="173" t="s">
        <v>369</v>
      </c>
      <c r="B52" s="140">
        <v>83235</v>
      </c>
      <c r="C52" s="140">
        <v>10392</v>
      </c>
      <c r="D52" s="140">
        <v>48835</v>
      </c>
      <c r="E52" s="866">
        <v>23007</v>
      </c>
      <c r="F52" s="139">
        <v>83304</v>
      </c>
      <c r="G52" s="140">
        <v>10562</v>
      </c>
      <c r="H52" s="140">
        <v>48527</v>
      </c>
      <c r="I52" s="866">
        <v>23214</v>
      </c>
      <c r="J52" s="139">
        <v>-69</v>
      </c>
      <c r="K52" s="140">
        <v>-170</v>
      </c>
      <c r="L52" s="140">
        <v>308</v>
      </c>
      <c r="M52" s="140">
        <v>-207</v>
      </c>
      <c r="N52" s="141">
        <v>-8.2829155862863726E-2</v>
      </c>
      <c r="O52" s="141">
        <v>-1.6095436470365461</v>
      </c>
      <c r="P52" s="141">
        <v>0.63469820924433817</v>
      </c>
      <c r="Q52" s="143">
        <v>-0.89170328250193842</v>
      </c>
      <c r="R52" s="144">
        <v>12.6</v>
      </c>
      <c r="S52" s="144">
        <v>59.4</v>
      </c>
      <c r="T52" s="145">
        <v>28</v>
      </c>
      <c r="U52" s="150">
        <v>47.3</v>
      </c>
      <c r="V52" s="147">
        <v>221.4</v>
      </c>
      <c r="W52" s="146"/>
    </row>
    <row r="53" spans="1:23" s="79" customFormat="1" ht="12.75" customHeight="1">
      <c r="A53" s="173" t="s">
        <v>370</v>
      </c>
      <c r="B53" s="140">
        <v>39403</v>
      </c>
      <c r="C53" s="140">
        <v>3942</v>
      </c>
      <c r="D53" s="140">
        <v>22805</v>
      </c>
      <c r="E53" s="866">
        <v>12191</v>
      </c>
      <c r="F53" s="139">
        <v>39492</v>
      </c>
      <c r="G53" s="140">
        <v>4047</v>
      </c>
      <c r="H53" s="140">
        <v>22850</v>
      </c>
      <c r="I53" s="866">
        <v>12129</v>
      </c>
      <c r="J53" s="139">
        <v>-89</v>
      </c>
      <c r="K53" s="140">
        <v>-105</v>
      </c>
      <c r="L53" s="140">
        <v>-45</v>
      </c>
      <c r="M53" s="140">
        <v>62</v>
      </c>
      <c r="N53" s="141">
        <v>-0.22536209865289172</v>
      </c>
      <c r="O53" s="141">
        <v>-2.5945144551519648</v>
      </c>
      <c r="P53" s="141">
        <v>-0.19693654266958427</v>
      </c>
      <c r="Q53" s="143">
        <v>0.5111715722648198</v>
      </c>
      <c r="R53" s="144">
        <v>10.1</v>
      </c>
      <c r="S53" s="144">
        <v>58.6</v>
      </c>
      <c r="T53" s="145">
        <v>31.3</v>
      </c>
      <c r="U53" s="150">
        <v>49.44</v>
      </c>
      <c r="V53" s="147">
        <v>309.3</v>
      </c>
      <c r="W53" s="146"/>
    </row>
    <row r="54" spans="1:23" s="79" customFormat="1" ht="12.75" customHeight="1">
      <c r="A54" s="173" t="s">
        <v>371</v>
      </c>
      <c r="B54" s="140">
        <v>2962</v>
      </c>
      <c r="C54" s="140">
        <v>265</v>
      </c>
      <c r="D54" s="140">
        <v>1545</v>
      </c>
      <c r="E54" s="866">
        <v>1152</v>
      </c>
      <c r="F54" s="139">
        <v>3010</v>
      </c>
      <c r="G54" s="140">
        <v>291</v>
      </c>
      <c r="H54" s="140">
        <v>1566</v>
      </c>
      <c r="I54" s="866">
        <v>1153</v>
      </c>
      <c r="J54" s="139">
        <v>-48</v>
      </c>
      <c r="K54" s="140">
        <v>-26</v>
      </c>
      <c r="L54" s="140">
        <v>-21</v>
      </c>
      <c r="M54" s="140">
        <v>-1</v>
      </c>
      <c r="N54" s="141">
        <v>-1.5946843853820596</v>
      </c>
      <c r="O54" s="141">
        <v>-8.934707903780069</v>
      </c>
      <c r="P54" s="141">
        <v>-1.3409961685823755</v>
      </c>
      <c r="Q54" s="143">
        <v>-8.6730268863833476E-2</v>
      </c>
      <c r="R54" s="144">
        <v>8.9</v>
      </c>
      <c r="S54" s="144">
        <v>52.2</v>
      </c>
      <c r="T54" s="145">
        <v>38.9</v>
      </c>
      <c r="U54" s="150">
        <v>53.5</v>
      </c>
      <c r="V54" s="147">
        <v>434.7</v>
      </c>
      <c r="W54" s="146"/>
    </row>
    <row r="55" spans="1:23" s="79" customFormat="1" ht="9" customHeight="1">
      <c r="A55" s="173"/>
      <c r="B55" s="140"/>
      <c r="C55" s="140"/>
      <c r="D55" s="140"/>
      <c r="E55" s="866"/>
      <c r="F55" s="139"/>
      <c r="G55" s="140"/>
      <c r="H55" s="140"/>
      <c r="I55" s="866"/>
      <c r="J55" s="139"/>
      <c r="K55" s="140"/>
      <c r="L55" s="140"/>
      <c r="M55" s="140"/>
      <c r="N55" s="141"/>
      <c r="O55" s="142"/>
      <c r="P55" s="142"/>
      <c r="Q55" s="143"/>
      <c r="R55" s="144"/>
      <c r="S55" s="144"/>
      <c r="T55" s="145"/>
      <c r="U55" s="146"/>
      <c r="V55" s="147"/>
      <c r="W55" s="146"/>
    </row>
    <row r="56" spans="1:23" s="79" customFormat="1" ht="12.75" customHeight="1">
      <c r="A56" s="189" t="s">
        <v>372</v>
      </c>
      <c r="B56" s="137">
        <v>1315618</v>
      </c>
      <c r="C56" s="137">
        <v>154713</v>
      </c>
      <c r="D56" s="137">
        <v>782373</v>
      </c>
      <c r="E56" s="865">
        <v>357238</v>
      </c>
      <c r="F56" s="136">
        <v>1313636</v>
      </c>
      <c r="G56" s="137">
        <v>156927</v>
      </c>
      <c r="H56" s="137">
        <v>779098</v>
      </c>
      <c r="I56" s="865">
        <v>356316</v>
      </c>
      <c r="J56" s="136">
        <v>1982</v>
      </c>
      <c r="K56" s="137">
        <v>-2214</v>
      </c>
      <c r="L56" s="137">
        <v>3275</v>
      </c>
      <c r="M56" s="137">
        <v>922</v>
      </c>
      <c r="N56" s="623">
        <v>0.15087893449935902</v>
      </c>
      <c r="O56" s="623">
        <v>-1.4108470817641323</v>
      </c>
      <c r="P56" s="623">
        <v>0.42035790105994369</v>
      </c>
      <c r="Q56" s="624">
        <v>0.25875907901974649</v>
      </c>
      <c r="R56" s="615">
        <v>12</v>
      </c>
      <c r="S56" s="615">
        <v>60.4</v>
      </c>
      <c r="T56" s="616">
        <v>27.6</v>
      </c>
      <c r="U56" s="625">
        <v>47.7</v>
      </c>
      <c r="V56" s="626">
        <v>230.9</v>
      </c>
      <c r="W56" s="138"/>
    </row>
    <row r="57" spans="1:23" s="79" customFormat="1" ht="12.75" customHeight="1">
      <c r="A57" s="173" t="s">
        <v>373</v>
      </c>
      <c r="B57" s="140">
        <v>257649</v>
      </c>
      <c r="C57" s="140">
        <v>27898</v>
      </c>
      <c r="D57" s="140">
        <v>150732</v>
      </c>
      <c r="E57" s="866">
        <v>73533</v>
      </c>
      <c r="F57" s="139">
        <v>257631</v>
      </c>
      <c r="G57" s="140">
        <v>28448</v>
      </c>
      <c r="H57" s="140">
        <v>150509</v>
      </c>
      <c r="I57" s="866">
        <v>73188</v>
      </c>
      <c r="J57" s="139">
        <v>18</v>
      </c>
      <c r="K57" s="140">
        <v>-550</v>
      </c>
      <c r="L57" s="140">
        <v>223</v>
      </c>
      <c r="M57" s="140">
        <v>345</v>
      </c>
      <c r="N57" s="141">
        <v>6.9867368445567495E-3</v>
      </c>
      <c r="O57" s="141">
        <v>-1.9333520809898763</v>
      </c>
      <c r="P57" s="141">
        <v>0.14816389717558417</v>
      </c>
      <c r="Q57" s="143">
        <v>0.47138875225446791</v>
      </c>
      <c r="R57" s="144">
        <v>11.1</v>
      </c>
      <c r="S57" s="144">
        <v>59.8</v>
      </c>
      <c r="T57" s="145">
        <v>29.2</v>
      </c>
      <c r="U57" s="150">
        <v>48.55</v>
      </c>
      <c r="V57" s="147">
        <v>263.60000000000002</v>
      </c>
      <c r="W57" s="146"/>
    </row>
    <row r="58" spans="1:23" s="79" customFormat="1" ht="12.75" customHeight="1">
      <c r="A58" s="173" t="s">
        <v>374</v>
      </c>
      <c r="B58" s="140">
        <v>443832</v>
      </c>
      <c r="C58" s="140">
        <v>56388</v>
      </c>
      <c r="D58" s="140">
        <v>271303</v>
      </c>
      <c r="E58" s="866">
        <v>107816</v>
      </c>
      <c r="F58" s="139">
        <v>441708</v>
      </c>
      <c r="G58" s="140">
        <v>56742</v>
      </c>
      <c r="H58" s="140">
        <v>269167</v>
      </c>
      <c r="I58" s="866">
        <v>107474</v>
      </c>
      <c r="J58" s="139">
        <v>2124</v>
      </c>
      <c r="K58" s="140">
        <v>-354</v>
      </c>
      <c r="L58" s="140">
        <v>2136</v>
      </c>
      <c r="M58" s="140">
        <v>342</v>
      </c>
      <c r="N58" s="141">
        <v>0.4808606590779429</v>
      </c>
      <c r="O58" s="141">
        <v>-0.62387649360262243</v>
      </c>
      <c r="P58" s="141">
        <v>0.79355938878094257</v>
      </c>
      <c r="Q58" s="143">
        <v>0.31821649887414633</v>
      </c>
      <c r="R58" s="144">
        <v>12.9</v>
      </c>
      <c r="S58" s="144">
        <v>62.3</v>
      </c>
      <c r="T58" s="145">
        <v>24.8</v>
      </c>
      <c r="U58" s="150">
        <v>46.3</v>
      </c>
      <c r="V58" s="147">
        <v>191.2</v>
      </c>
      <c r="W58" s="146"/>
    </row>
    <row r="59" spans="1:23" s="79" customFormat="1" ht="12.75" customHeight="1">
      <c r="A59" s="173" t="s">
        <v>375</v>
      </c>
      <c r="B59" s="140">
        <v>244359</v>
      </c>
      <c r="C59" s="140">
        <v>30440</v>
      </c>
      <c r="D59" s="140">
        <v>146146</v>
      </c>
      <c r="E59" s="866">
        <v>65779</v>
      </c>
      <c r="F59" s="139">
        <v>243835</v>
      </c>
      <c r="G59" s="140">
        <v>30815</v>
      </c>
      <c r="H59" s="140">
        <v>145453</v>
      </c>
      <c r="I59" s="866">
        <v>65573</v>
      </c>
      <c r="J59" s="139">
        <v>524</v>
      </c>
      <c r="K59" s="140">
        <v>-375</v>
      </c>
      <c r="L59" s="140">
        <v>693</v>
      </c>
      <c r="M59" s="140">
        <v>206</v>
      </c>
      <c r="N59" s="141">
        <v>0.21489941968954418</v>
      </c>
      <c r="O59" s="141">
        <v>-1.2169398020444588</v>
      </c>
      <c r="P59" s="141">
        <v>0.47644256220222342</v>
      </c>
      <c r="Q59" s="143">
        <v>0.31415369130587284</v>
      </c>
      <c r="R59" s="144">
        <v>12.6</v>
      </c>
      <c r="S59" s="144">
        <v>60.3</v>
      </c>
      <c r="T59" s="145">
        <v>27.1</v>
      </c>
      <c r="U59" s="150">
        <v>47.65</v>
      </c>
      <c r="V59" s="147">
        <v>216.1</v>
      </c>
      <c r="W59" s="146"/>
    </row>
    <row r="60" spans="1:23" s="79" customFormat="1" ht="12.75" customHeight="1">
      <c r="A60" s="173" t="s">
        <v>376</v>
      </c>
      <c r="B60" s="140">
        <v>161610</v>
      </c>
      <c r="C60" s="140">
        <v>16700</v>
      </c>
      <c r="D60" s="140">
        <v>92568</v>
      </c>
      <c r="E60" s="866">
        <v>49443</v>
      </c>
      <c r="F60" s="139">
        <v>161949</v>
      </c>
      <c r="G60" s="140">
        <v>17227</v>
      </c>
      <c r="H60" s="140">
        <v>92508</v>
      </c>
      <c r="I60" s="866">
        <v>49315</v>
      </c>
      <c r="J60" s="139">
        <v>-339</v>
      </c>
      <c r="K60" s="140">
        <v>-527</v>
      </c>
      <c r="L60" s="140">
        <v>60</v>
      </c>
      <c r="M60" s="140">
        <v>128</v>
      </c>
      <c r="N60" s="141">
        <v>-0.20932515792008596</v>
      </c>
      <c r="O60" s="141">
        <v>-3.0591513322110639</v>
      </c>
      <c r="P60" s="141">
        <v>6.485925541574783E-2</v>
      </c>
      <c r="Q60" s="143">
        <v>0.25955591604988343</v>
      </c>
      <c r="R60" s="144">
        <v>10.5</v>
      </c>
      <c r="S60" s="144">
        <v>58.3</v>
      </c>
      <c r="T60" s="145">
        <v>31.2</v>
      </c>
      <c r="U60" s="150">
        <v>49.15</v>
      </c>
      <c r="V60" s="147">
        <v>296.10000000000002</v>
      </c>
      <c r="W60" s="146"/>
    </row>
    <row r="61" spans="1:23" s="79" customFormat="1" ht="12.75" customHeight="1">
      <c r="A61" s="173" t="s">
        <v>377</v>
      </c>
      <c r="B61" s="140">
        <v>101228</v>
      </c>
      <c r="C61" s="140">
        <v>11137</v>
      </c>
      <c r="D61" s="140">
        <v>61367</v>
      </c>
      <c r="E61" s="866">
        <v>26822</v>
      </c>
      <c r="F61" s="139">
        <v>101113</v>
      </c>
      <c r="G61" s="140">
        <v>11308</v>
      </c>
      <c r="H61" s="140">
        <v>61122</v>
      </c>
      <c r="I61" s="866">
        <v>26781</v>
      </c>
      <c r="J61" s="139">
        <v>115</v>
      </c>
      <c r="K61" s="140">
        <v>-171</v>
      </c>
      <c r="L61" s="140">
        <v>245</v>
      </c>
      <c r="M61" s="140">
        <v>41</v>
      </c>
      <c r="N61" s="141">
        <v>0.11373413903256753</v>
      </c>
      <c r="O61" s="141">
        <v>-1.5122037495578353</v>
      </c>
      <c r="P61" s="141">
        <v>0.40083766892444622</v>
      </c>
      <c r="Q61" s="143">
        <v>0.15309361114222769</v>
      </c>
      <c r="R61" s="144">
        <v>11.2</v>
      </c>
      <c r="S61" s="144">
        <v>61.8</v>
      </c>
      <c r="T61" s="145">
        <v>27</v>
      </c>
      <c r="U61" s="150">
        <v>47.29</v>
      </c>
      <c r="V61" s="147">
        <v>240.8</v>
      </c>
      <c r="W61" s="146"/>
    </row>
    <row r="62" spans="1:23" s="79" customFormat="1" ht="12.75" customHeight="1">
      <c r="A62" s="173" t="s">
        <v>378</v>
      </c>
      <c r="B62" s="140">
        <v>48567</v>
      </c>
      <c r="C62" s="140">
        <v>6077</v>
      </c>
      <c r="D62" s="140">
        <v>28644</v>
      </c>
      <c r="E62" s="866">
        <v>13344</v>
      </c>
      <c r="F62" s="139">
        <v>48570</v>
      </c>
      <c r="G62" s="140">
        <v>6135</v>
      </c>
      <c r="H62" s="140">
        <v>28579</v>
      </c>
      <c r="I62" s="866">
        <v>13354</v>
      </c>
      <c r="J62" s="139">
        <v>-3</v>
      </c>
      <c r="K62" s="140">
        <v>-58</v>
      </c>
      <c r="L62" s="140">
        <v>65</v>
      </c>
      <c r="M62" s="140">
        <v>-10</v>
      </c>
      <c r="N62" s="141">
        <v>-6.1766522544780727E-3</v>
      </c>
      <c r="O62" s="141">
        <v>-0.94539527302363491</v>
      </c>
      <c r="P62" s="141">
        <v>0.22743972847195493</v>
      </c>
      <c r="Q62" s="143">
        <v>-7.4883929908641608E-2</v>
      </c>
      <c r="R62" s="144">
        <v>12.6</v>
      </c>
      <c r="S62" s="144">
        <v>59.6</v>
      </c>
      <c r="T62" s="145">
        <v>27.8</v>
      </c>
      <c r="U62" s="150">
        <v>47.22</v>
      </c>
      <c r="V62" s="147">
        <v>219.6</v>
      </c>
      <c r="W62" s="146"/>
    </row>
    <row r="63" spans="1:23" s="79" customFormat="1" ht="12.75" customHeight="1">
      <c r="A63" s="173" t="s">
        <v>379</v>
      </c>
      <c r="B63" s="140">
        <v>31262</v>
      </c>
      <c r="C63" s="140">
        <v>3415</v>
      </c>
      <c r="D63" s="140">
        <v>16985</v>
      </c>
      <c r="E63" s="866">
        <v>10843</v>
      </c>
      <c r="F63" s="139">
        <v>31461</v>
      </c>
      <c r="G63" s="140">
        <v>3503</v>
      </c>
      <c r="H63" s="140">
        <v>17038</v>
      </c>
      <c r="I63" s="866">
        <v>10900</v>
      </c>
      <c r="J63" s="139">
        <v>-199</v>
      </c>
      <c r="K63" s="140">
        <v>-88</v>
      </c>
      <c r="L63" s="140">
        <v>-53</v>
      </c>
      <c r="M63" s="140">
        <v>-57</v>
      </c>
      <c r="N63" s="141">
        <v>-0.63252916309081086</v>
      </c>
      <c r="O63" s="141">
        <v>-2.5121324578932342</v>
      </c>
      <c r="P63" s="141">
        <v>-0.31106937433971127</v>
      </c>
      <c r="Q63" s="143">
        <v>-0.52293577981651373</v>
      </c>
      <c r="R63" s="144">
        <v>10.9</v>
      </c>
      <c r="S63" s="144">
        <v>54.4</v>
      </c>
      <c r="T63" s="145">
        <v>34.700000000000003</v>
      </c>
      <c r="U63" s="150">
        <v>51.45</v>
      </c>
      <c r="V63" s="147">
        <v>317.5</v>
      </c>
      <c r="W63" s="146"/>
    </row>
    <row r="64" spans="1:23" s="79" customFormat="1" ht="12.75" customHeight="1">
      <c r="A64" s="173" t="s">
        <v>380</v>
      </c>
      <c r="B64" s="140">
        <v>27111</v>
      </c>
      <c r="C64" s="140">
        <v>2658</v>
      </c>
      <c r="D64" s="140">
        <v>14628</v>
      </c>
      <c r="E64" s="866">
        <v>9658</v>
      </c>
      <c r="F64" s="139">
        <v>27369</v>
      </c>
      <c r="G64" s="140">
        <v>2749</v>
      </c>
      <c r="H64" s="140">
        <v>14722</v>
      </c>
      <c r="I64" s="866">
        <v>9731</v>
      </c>
      <c r="J64" s="139">
        <v>-258</v>
      </c>
      <c r="K64" s="140">
        <v>-91</v>
      </c>
      <c r="L64" s="140">
        <v>-94</v>
      </c>
      <c r="M64" s="140">
        <v>-73</v>
      </c>
      <c r="N64" s="141">
        <v>-0.94267236654609221</v>
      </c>
      <c r="O64" s="141">
        <v>-3.310294652600946</v>
      </c>
      <c r="P64" s="141">
        <v>-0.63850020377666072</v>
      </c>
      <c r="Q64" s="143">
        <v>-0.75017983763230911</v>
      </c>
      <c r="R64" s="144">
        <v>9.9</v>
      </c>
      <c r="S64" s="144">
        <v>54.3</v>
      </c>
      <c r="T64" s="145">
        <v>35.799999999999997</v>
      </c>
      <c r="U64" s="150">
        <v>52.46</v>
      </c>
      <c r="V64" s="147">
        <v>363.4</v>
      </c>
      <c r="W64" s="146"/>
    </row>
    <row r="65" spans="1:23" ht="9" customHeight="1">
      <c r="A65" s="173"/>
      <c r="B65" s="140"/>
      <c r="C65" s="140"/>
      <c r="D65" s="140"/>
      <c r="E65" s="866"/>
      <c r="F65" s="139"/>
      <c r="G65" s="140"/>
      <c r="H65" s="140"/>
      <c r="I65" s="866"/>
      <c r="J65" s="139"/>
      <c r="K65" s="140"/>
      <c r="L65" s="140"/>
      <c r="M65" s="140"/>
      <c r="N65" s="141"/>
      <c r="O65" s="142"/>
      <c r="P65" s="142"/>
      <c r="Q65" s="143"/>
      <c r="R65" s="144"/>
      <c r="S65" s="144"/>
      <c r="T65" s="145"/>
      <c r="U65" s="146"/>
      <c r="V65" s="147"/>
      <c r="W65" s="146"/>
    </row>
    <row r="66" spans="1:23" ht="12.75" customHeight="1">
      <c r="A66" s="189" t="s">
        <v>381</v>
      </c>
      <c r="B66" s="137">
        <v>332287</v>
      </c>
      <c r="C66" s="137">
        <v>33592</v>
      </c>
      <c r="D66" s="137">
        <v>185714</v>
      </c>
      <c r="E66" s="865">
        <v>107920</v>
      </c>
      <c r="F66" s="136">
        <v>334080</v>
      </c>
      <c r="G66" s="136">
        <v>34370</v>
      </c>
      <c r="H66" s="136">
        <v>186677</v>
      </c>
      <c r="I66" s="865">
        <v>107970</v>
      </c>
      <c r="J66" s="136">
        <v>-1793</v>
      </c>
      <c r="K66" s="137">
        <v>-778</v>
      </c>
      <c r="L66" s="137">
        <v>-963</v>
      </c>
      <c r="M66" s="137">
        <v>-50</v>
      </c>
      <c r="N66" s="623">
        <v>-0.53669779693486586</v>
      </c>
      <c r="O66" s="623">
        <v>-2.2636019784695955</v>
      </c>
      <c r="P66" s="623">
        <v>-0.5158643003690867</v>
      </c>
      <c r="Q66" s="624">
        <v>-4.6309159951838479E-2</v>
      </c>
      <c r="R66" s="615">
        <v>10.3</v>
      </c>
      <c r="S66" s="615">
        <v>56.8</v>
      </c>
      <c r="T66" s="616">
        <v>33</v>
      </c>
      <c r="U66" s="625">
        <v>50.65</v>
      </c>
      <c r="V66" s="626">
        <v>321.3</v>
      </c>
      <c r="W66" s="138"/>
    </row>
    <row r="67" spans="1:23" ht="12.75" customHeight="1">
      <c r="A67" s="173" t="s">
        <v>382</v>
      </c>
      <c r="B67" s="140">
        <v>187166</v>
      </c>
      <c r="C67" s="140">
        <v>19773</v>
      </c>
      <c r="D67" s="140">
        <v>107271</v>
      </c>
      <c r="E67" s="866">
        <v>56893</v>
      </c>
      <c r="F67" s="139">
        <v>188025</v>
      </c>
      <c r="G67" s="140">
        <v>20114</v>
      </c>
      <c r="H67" s="140">
        <v>107847</v>
      </c>
      <c r="I67" s="866">
        <v>56835</v>
      </c>
      <c r="J67" s="139">
        <v>-859</v>
      </c>
      <c r="K67" s="140">
        <v>-341</v>
      </c>
      <c r="L67" s="140">
        <v>-576</v>
      </c>
      <c r="M67" s="140">
        <v>58</v>
      </c>
      <c r="N67" s="141">
        <v>-0.45685414173647121</v>
      </c>
      <c r="O67" s="141">
        <v>-1.6953365814855323</v>
      </c>
      <c r="P67" s="141">
        <v>-0.53408996077776849</v>
      </c>
      <c r="Q67" s="143">
        <v>0.10204979326119469</v>
      </c>
      <c r="R67" s="144">
        <v>10.7</v>
      </c>
      <c r="S67" s="144">
        <v>58.3</v>
      </c>
      <c r="T67" s="145">
        <v>30.9</v>
      </c>
      <c r="U67" s="150">
        <v>49.69</v>
      </c>
      <c r="V67" s="147">
        <v>287.7</v>
      </c>
      <c r="W67" s="146"/>
    </row>
    <row r="68" spans="1:23" ht="12.75" customHeight="1">
      <c r="A68" s="173" t="s">
        <v>383</v>
      </c>
      <c r="B68" s="140">
        <v>40125</v>
      </c>
      <c r="C68" s="140">
        <v>4105</v>
      </c>
      <c r="D68" s="140">
        <v>22149</v>
      </c>
      <c r="E68" s="866">
        <v>13471</v>
      </c>
      <c r="F68" s="139">
        <v>40332</v>
      </c>
      <c r="G68" s="140">
        <v>4285</v>
      </c>
      <c r="H68" s="140">
        <v>22171</v>
      </c>
      <c r="I68" s="866">
        <v>13476</v>
      </c>
      <c r="J68" s="139">
        <v>-207</v>
      </c>
      <c r="K68" s="140">
        <v>-180</v>
      </c>
      <c r="L68" s="140">
        <v>-22</v>
      </c>
      <c r="M68" s="140">
        <v>-5</v>
      </c>
      <c r="N68" s="141">
        <v>-0.51324010711097889</v>
      </c>
      <c r="O68" s="141">
        <v>-4.2007001166861144</v>
      </c>
      <c r="P68" s="141">
        <v>-9.9228722204681791E-2</v>
      </c>
      <c r="Q68" s="143">
        <v>-3.7102997922232116E-2</v>
      </c>
      <c r="R68" s="144">
        <v>10.3</v>
      </c>
      <c r="S68" s="144">
        <v>55.8</v>
      </c>
      <c r="T68" s="145">
        <v>33.9</v>
      </c>
      <c r="U68" s="150">
        <v>51.09</v>
      </c>
      <c r="V68" s="147">
        <v>328.2</v>
      </c>
      <c r="W68" s="146"/>
    </row>
    <row r="69" spans="1:23" ht="12.75" customHeight="1">
      <c r="A69" s="173" t="s">
        <v>384</v>
      </c>
      <c r="B69" s="140">
        <v>9069</v>
      </c>
      <c r="C69" s="140">
        <v>767</v>
      </c>
      <c r="D69" s="140">
        <v>4655</v>
      </c>
      <c r="E69" s="866">
        <v>3325</v>
      </c>
      <c r="F69" s="139">
        <v>9100</v>
      </c>
      <c r="G69" s="140">
        <v>798</v>
      </c>
      <c r="H69" s="140">
        <v>4672</v>
      </c>
      <c r="I69" s="866">
        <v>3308</v>
      </c>
      <c r="J69" s="139">
        <v>-31</v>
      </c>
      <c r="K69" s="140">
        <v>-31</v>
      </c>
      <c r="L69" s="140">
        <v>-17</v>
      </c>
      <c r="M69" s="140">
        <v>17</v>
      </c>
      <c r="N69" s="141">
        <v>-0.34065934065934067</v>
      </c>
      <c r="O69" s="141">
        <v>-3.8847117794486214</v>
      </c>
      <c r="P69" s="141">
        <v>-0.36386986301369861</v>
      </c>
      <c r="Q69" s="143">
        <v>0.51390568319226115</v>
      </c>
      <c r="R69" s="144">
        <v>8.8000000000000007</v>
      </c>
      <c r="S69" s="144">
        <v>53.2</v>
      </c>
      <c r="T69" s="145">
        <v>38</v>
      </c>
      <c r="U69" s="150">
        <v>52.68</v>
      </c>
      <c r="V69" s="147">
        <v>433.5</v>
      </c>
      <c r="W69" s="146"/>
    </row>
    <row r="70" spans="1:23" ht="12.75" customHeight="1">
      <c r="A70" s="173" t="s">
        <v>385</v>
      </c>
      <c r="B70" s="140">
        <v>17207</v>
      </c>
      <c r="C70" s="140">
        <v>1945</v>
      </c>
      <c r="D70" s="140">
        <v>10107</v>
      </c>
      <c r="E70" s="866">
        <v>5040</v>
      </c>
      <c r="F70" s="139">
        <v>17195</v>
      </c>
      <c r="G70" s="140">
        <v>1974</v>
      </c>
      <c r="H70" s="140">
        <v>10100</v>
      </c>
      <c r="I70" s="866">
        <v>5005</v>
      </c>
      <c r="J70" s="139">
        <v>12</v>
      </c>
      <c r="K70" s="140">
        <v>-29</v>
      </c>
      <c r="L70" s="140">
        <v>7</v>
      </c>
      <c r="M70" s="140">
        <v>35</v>
      </c>
      <c r="N70" s="141">
        <v>6.9787728990985745E-2</v>
      </c>
      <c r="O70" s="141">
        <v>-1.4690982776089159</v>
      </c>
      <c r="P70" s="141">
        <v>6.9306930693069299E-2</v>
      </c>
      <c r="Q70" s="143">
        <v>0.69930069930069927</v>
      </c>
      <c r="R70" s="144">
        <v>11.4</v>
      </c>
      <c r="S70" s="144">
        <v>59.1</v>
      </c>
      <c r="T70" s="145">
        <v>29.5</v>
      </c>
      <c r="U70" s="150">
        <v>48.51</v>
      </c>
      <c r="V70" s="147">
        <v>259.10000000000002</v>
      </c>
      <c r="W70" s="146"/>
    </row>
    <row r="71" spans="1:23" ht="12.75" customHeight="1">
      <c r="A71" s="173" t="s">
        <v>386</v>
      </c>
      <c r="B71" s="140">
        <v>10474</v>
      </c>
      <c r="C71" s="140">
        <v>976</v>
      </c>
      <c r="D71" s="140">
        <v>5762</v>
      </c>
      <c r="E71" s="866">
        <v>3611</v>
      </c>
      <c r="F71" s="139">
        <v>10613</v>
      </c>
      <c r="G71" s="140">
        <v>989</v>
      </c>
      <c r="H71" s="140">
        <v>5836</v>
      </c>
      <c r="I71" s="866">
        <v>3663</v>
      </c>
      <c r="J71" s="139">
        <v>-139</v>
      </c>
      <c r="K71" s="140">
        <v>-13</v>
      </c>
      <c r="L71" s="140">
        <v>-74</v>
      </c>
      <c r="M71" s="140">
        <v>-52</v>
      </c>
      <c r="N71" s="141">
        <v>-1.3097145010835767</v>
      </c>
      <c r="O71" s="141">
        <v>-1.314459049544995</v>
      </c>
      <c r="P71" s="141">
        <v>-1.2679917751884853</v>
      </c>
      <c r="Q71" s="143">
        <v>-1.4196014196014195</v>
      </c>
      <c r="R71" s="144">
        <v>9.4</v>
      </c>
      <c r="S71" s="144">
        <v>55.7</v>
      </c>
      <c r="T71" s="145">
        <v>34.9</v>
      </c>
      <c r="U71" s="150">
        <v>51.91</v>
      </c>
      <c r="V71" s="147">
        <v>370</v>
      </c>
      <c r="W71" s="146"/>
    </row>
    <row r="72" spans="1:23" ht="12.75" customHeight="1">
      <c r="A72" s="173" t="s">
        <v>387</v>
      </c>
      <c r="B72" s="140">
        <v>9350</v>
      </c>
      <c r="C72" s="140">
        <v>765</v>
      </c>
      <c r="D72" s="140">
        <v>4685</v>
      </c>
      <c r="E72" s="866">
        <v>3872</v>
      </c>
      <c r="F72" s="139">
        <v>9556</v>
      </c>
      <c r="G72" s="140">
        <v>796</v>
      </c>
      <c r="H72" s="140">
        <v>4834</v>
      </c>
      <c r="I72" s="866">
        <v>3898</v>
      </c>
      <c r="J72" s="139">
        <v>-206</v>
      </c>
      <c r="K72" s="140">
        <v>-31</v>
      </c>
      <c r="L72" s="140">
        <v>-149</v>
      </c>
      <c r="M72" s="140">
        <v>-26</v>
      </c>
      <c r="N72" s="141">
        <v>-2.1557136877354539</v>
      </c>
      <c r="O72" s="141">
        <v>-3.8944723618090453</v>
      </c>
      <c r="P72" s="141">
        <v>-3.0823334712453456</v>
      </c>
      <c r="Q72" s="143">
        <v>-0.66700872242175469</v>
      </c>
      <c r="R72" s="144">
        <v>8.1999999999999993</v>
      </c>
      <c r="S72" s="144">
        <v>50.3</v>
      </c>
      <c r="T72" s="145">
        <v>41.5</v>
      </c>
      <c r="U72" s="150">
        <v>54.84</v>
      </c>
      <c r="V72" s="147">
        <v>506.1</v>
      </c>
      <c r="W72" s="146"/>
    </row>
    <row r="73" spans="1:23" ht="12.75" customHeight="1">
      <c r="A73" s="173" t="s">
        <v>388</v>
      </c>
      <c r="B73" s="140">
        <v>18741</v>
      </c>
      <c r="C73" s="140">
        <v>2695</v>
      </c>
      <c r="D73" s="140">
        <v>11041</v>
      </c>
      <c r="E73" s="866">
        <v>4957</v>
      </c>
      <c r="F73" s="139">
        <v>18561</v>
      </c>
      <c r="G73" s="140">
        <v>2710</v>
      </c>
      <c r="H73" s="140">
        <v>10952</v>
      </c>
      <c r="I73" s="866">
        <v>4851</v>
      </c>
      <c r="J73" s="139">
        <v>180</v>
      </c>
      <c r="K73" s="140">
        <v>-15</v>
      </c>
      <c r="L73" s="140">
        <v>89</v>
      </c>
      <c r="M73" s="140">
        <v>106</v>
      </c>
      <c r="N73" s="141">
        <v>0.96977533538063676</v>
      </c>
      <c r="O73" s="141">
        <v>-0.55350553505535049</v>
      </c>
      <c r="P73" s="141">
        <v>0.81263696128560992</v>
      </c>
      <c r="Q73" s="143">
        <v>2.1851164708307564</v>
      </c>
      <c r="R73" s="144">
        <v>14.4</v>
      </c>
      <c r="S73" s="144">
        <v>59.1</v>
      </c>
      <c r="T73" s="145">
        <v>26.5</v>
      </c>
      <c r="U73" s="150">
        <v>46.39</v>
      </c>
      <c r="V73" s="147">
        <v>183.9</v>
      </c>
      <c r="W73" s="146"/>
    </row>
    <row r="74" spans="1:23" ht="12.75" customHeight="1">
      <c r="A74" s="173" t="s">
        <v>389</v>
      </c>
      <c r="B74" s="140">
        <v>10895</v>
      </c>
      <c r="C74" s="140">
        <v>603</v>
      </c>
      <c r="D74" s="140">
        <v>5759</v>
      </c>
      <c r="E74" s="866">
        <v>3984</v>
      </c>
      <c r="F74" s="139">
        <v>11082</v>
      </c>
      <c r="G74" s="140">
        <v>637</v>
      </c>
      <c r="H74" s="140">
        <v>5824</v>
      </c>
      <c r="I74" s="866">
        <v>4072</v>
      </c>
      <c r="J74" s="139">
        <v>-187</v>
      </c>
      <c r="K74" s="140">
        <v>-34</v>
      </c>
      <c r="L74" s="140">
        <v>-65</v>
      </c>
      <c r="M74" s="140">
        <v>-88</v>
      </c>
      <c r="N74" s="141">
        <v>-1.6874210431330083</v>
      </c>
      <c r="O74" s="141">
        <v>-5.3375196232339093</v>
      </c>
      <c r="P74" s="141">
        <v>-1.1160714285714286</v>
      </c>
      <c r="Q74" s="143">
        <v>-2.161100196463654</v>
      </c>
      <c r="R74" s="144">
        <v>5.8</v>
      </c>
      <c r="S74" s="144">
        <v>55.7</v>
      </c>
      <c r="T74" s="145">
        <v>38.5</v>
      </c>
      <c r="U74" s="150">
        <v>53.05</v>
      </c>
      <c r="V74" s="147">
        <v>660.7</v>
      </c>
      <c r="W74" s="146"/>
    </row>
    <row r="75" spans="1:23" ht="12.75" customHeight="1">
      <c r="A75" s="173" t="s">
        <v>390</v>
      </c>
      <c r="B75" s="140">
        <v>6471</v>
      </c>
      <c r="C75" s="140">
        <v>405</v>
      </c>
      <c r="D75" s="140">
        <v>3154</v>
      </c>
      <c r="E75" s="866">
        <v>2906</v>
      </c>
      <c r="F75" s="139">
        <v>6575</v>
      </c>
      <c r="G75" s="140">
        <v>431</v>
      </c>
      <c r="H75" s="140">
        <v>3220</v>
      </c>
      <c r="I75" s="866">
        <v>2917</v>
      </c>
      <c r="J75" s="139">
        <v>-104</v>
      </c>
      <c r="K75" s="140">
        <v>-26</v>
      </c>
      <c r="L75" s="140">
        <v>-66</v>
      </c>
      <c r="M75" s="140">
        <v>-11</v>
      </c>
      <c r="N75" s="141">
        <v>-1.581749049429658</v>
      </c>
      <c r="O75" s="141">
        <v>-6.0324825986078885</v>
      </c>
      <c r="P75" s="141">
        <v>-2.0496894409937889</v>
      </c>
      <c r="Q75" s="143">
        <v>-0.3770997600274254</v>
      </c>
      <c r="R75" s="144">
        <v>6.3</v>
      </c>
      <c r="S75" s="144">
        <v>48.8</v>
      </c>
      <c r="T75" s="145">
        <v>44.9</v>
      </c>
      <c r="U75" s="150">
        <v>57.74</v>
      </c>
      <c r="V75" s="147">
        <v>717.5</v>
      </c>
      <c r="W75" s="146"/>
    </row>
    <row r="76" spans="1:23" ht="12.75" customHeight="1">
      <c r="A76" s="173" t="s">
        <v>391</v>
      </c>
      <c r="B76" s="140">
        <v>22789</v>
      </c>
      <c r="C76" s="140">
        <v>1558</v>
      </c>
      <c r="D76" s="140">
        <v>11131</v>
      </c>
      <c r="E76" s="866">
        <v>9861</v>
      </c>
      <c r="F76" s="139">
        <v>23041</v>
      </c>
      <c r="G76" s="140">
        <v>1636</v>
      </c>
      <c r="H76" s="140">
        <v>11221</v>
      </c>
      <c r="I76" s="866">
        <v>9945</v>
      </c>
      <c r="J76" s="139">
        <v>-252</v>
      </c>
      <c r="K76" s="140">
        <v>-78</v>
      </c>
      <c r="L76" s="140">
        <v>-90</v>
      </c>
      <c r="M76" s="140">
        <v>-84</v>
      </c>
      <c r="N76" s="141">
        <v>-1.0937025302721237</v>
      </c>
      <c r="O76" s="141">
        <v>-4.7677261613691932</v>
      </c>
      <c r="P76" s="141">
        <v>-0.80206755191159429</v>
      </c>
      <c r="Q76" s="143">
        <v>-0.84464555052790347</v>
      </c>
      <c r="R76" s="144">
        <v>6.9</v>
      </c>
      <c r="S76" s="144">
        <v>49.4</v>
      </c>
      <c r="T76" s="145">
        <v>43.7</v>
      </c>
      <c r="U76" s="150">
        <v>56.67</v>
      </c>
      <c r="V76" s="147">
        <v>632.9</v>
      </c>
      <c r="W76" s="146"/>
    </row>
    <row r="77" spans="1:23" ht="12.6" customHeight="1" thickBot="1">
      <c r="A77" s="153"/>
      <c r="B77" s="154"/>
      <c r="C77" s="154"/>
      <c r="D77" s="154"/>
      <c r="E77" s="155"/>
      <c r="F77" s="156"/>
      <c r="G77" s="154"/>
      <c r="H77" s="154"/>
      <c r="I77" s="155"/>
      <c r="J77" s="156"/>
      <c r="K77" s="154"/>
      <c r="L77" s="154"/>
      <c r="M77" s="154"/>
      <c r="N77" s="157"/>
      <c r="O77" s="158"/>
      <c r="P77" s="158"/>
      <c r="Q77" s="159"/>
      <c r="R77" s="158"/>
      <c r="S77" s="158"/>
      <c r="T77" s="159"/>
      <c r="U77" s="160"/>
      <c r="V77" s="161"/>
      <c r="W77" s="146"/>
    </row>
    <row r="78" spans="1:23" s="167" customFormat="1" ht="9" customHeight="1" thickTop="1">
      <c r="A78" s="162"/>
      <c r="B78" s="163"/>
      <c r="C78" s="163"/>
      <c r="D78" s="163"/>
      <c r="E78" s="163"/>
      <c r="F78" s="163"/>
      <c r="G78" s="163"/>
      <c r="H78" s="163"/>
      <c r="I78" s="163"/>
      <c r="J78" s="163"/>
      <c r="K78" s="163"/>
      <c r="L78" s="164"/>
      <c r="M78" s="165"/>
      <c r="N78" s="165"/>
      <c r="O78" s="165"/>
      <c r="P78" s="165"/>
      <c r="Q78" s="165"/>
      <c r="R78" s="165"/>
      <c r="S78" s="166"/>
      <c r="T78" s="165"/>
      <c r="U78" s="165"/>
    </row>
    <row r="79" spans="1:23" s="167" customFormat="1" ht="15.95" customHeight="1">
      <c r="A79" s="168" t="s">
        <v>86</v>
      </c>
      <c r="B79" s="169"/>
      <c r="C79" s="169"/>
      <c r="D79" s="169"/>
      <c r="E79" s="169"/>
      <c r="F79" s="169"/>
      <c r="G79" s="169"/>
      <c r="H79" s="169"/>
      <c r="I79" s="169"/>
      <c r="J79" s="169"/>
      <c r="K79" s="169"/>
      <c r="L79" s="170"/>
      <c r="M79" s="170"/>
      <c r="N79" s="170"/>
      <c r="O79" s="170"/>
      <c r="P79" s="170"/>
      <c r="Q79" s="170"/>
      <c r="R79" s="170"/>
      <c r="S79" s="170"/>
      <c r="T79" s="170"/>
      <c r="U79" s="170"/>
    </row>
    <row r="80" spans="1:23" s="167" customFormat="1" ht="14.25">
      <c r="A80" s="168" t="s">
        <v>87</v>
      </c>
      <c r="B80" s="169"/>
      <c r="C80" s="169"/>
      <c r="D80" s="169"/>
      <c r="E80" s="169"/>
      <c r="F80" s="169"/>
      <c r="G80" s="169"/>
      <c r="H80" s="169"/>
      <c r="I80" s="169"/>
      <c r="J80" s="169"/>
      <c r="K80" s="169"/>
      <c r="L80" s="170"/>
      <c r="M80" s="171"/>
      <c r="N80" s="171"/>
      <c r="O80" s="171"/>
      <c r="P80" s="171"/>
      <c r="Q80" s="171"/>
      <c r="R80" s="171"/>
      <c r="S80" s="171"/>
      <c r="T80" s="171"/>
      <c r="U80" s="170"/>
    </row>
    <row r="81" spans="2:24" s="130" customFormat="1">
      <c r="B81" s="176"/>
      <c r="C81" s="176"/>
      <c r="D81" s="176"/>
      <c r="E81" s="176"/>
      <c r="F81" s="176"/>
      <c r="G81" s="176"/>
      <c r="H81" s="176"/>
      <c r="I81" s="176"/>
      <c r="J81" s="176"/>
      <c r="K81" s="176"/>
      <c r="L81" s="176"/>
      <c r="M81" s="176"/>
      <c r="X81" s="79"/>
    </row>
  </sheetData>
  <mergeCells count="5">
    <mergeCell ref="B2:E2"/>
    <mergeCell ref="F2:I2"/>
    <mergeCell ref="J2:M2"/>
    <mergeCell ref="N2:Q2"/>
    <mergeCell ref="R2:T2"/>
  </mergeCells>
  <phoneticPr fontId="2"/>
  <printOptions horizontalCentered="1" gridLinesSet="0"/>
  <pageMargins left="0.59055118110236227" right="0.59055118110236227" top="0.70866141732283472" bottom="0.70866141732283472" header="0.31496062992125984" footer="0.19685039370078741"/>
  <pageSetup paperSize="8" scale="81" orientation="landscape" blackAndWhite="1" r:id="rId1"/>
  <headerFooter scaleWithDoc="0" alignWithMargins="0"/>
  <colBreaks count="1" manualBreakCount="1">
    <brk id="9" max="79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2</vt:i4>
      </vt:variant>
      <vt:variant>
        <vt:lpstr>名前付き一覧</vt:lpstr>
      </vt:variant>
      <vt:variant>
        <vt:i4>24</vt:i4>
      </vt:variant>
    </vt:vector>
  </HeadingPairs>
  <TitlesOfParts>
    <vt:vector size="56" baseType="lpstr">
      <vt:lpstr>表１・２</vt:lpstr>
      <vt:lpstr>表３</vt:lpstr>
      <vt:lpstr>表４・5</vt:lpstr>
      <vt:lpstr>表６</vt:lpstr>
      <vt:lpstr>表７</vt:lpstr>
      <vt:lpstr>表８</vt:lpstr>
      <vt:lpstr>表９</vt:lpstr>
      <vt:lpstr>表10</vt:lpstr>
      <vt:lpstr>表11-1</vt:lpstr>
      <vt:lpstr>表11-2</vt:lpstr>
      <vt:lpstr>表11-3</vt:lpstr>
      <vt:lpstr>表12</vt:lpstr>
      <vt:lpstr>表13</vt:lpstr>
      <vt:lpstr>表14</vt:lpstr>
      <vt:lpstr>表15-1</vt:lpstr>
      <vt:lpstr>表15-2</vt:lpstr>
      <vt:lpstr>表15-3</vt:lpstr>
      <vt:lpstr>表15-4</vt:lpstr>
      <vt:lpstr>表15-5</vt:lpstr>
      <vt:lpstr>表15-6</vt:lpstr>
      <vt:lpstr>表15-7</vt:lpstr>
      <vt:lpstr>表16-1</vt:lpstr>
      <vt:lpstr>表16-2</vt:lpstr>
      <vt:lpstr>表16-3</vt:lpstr>
      <vt:lpstr>表16-4</vt:lpstr>
      <vt:lpstr>表16-5</vt:lpstr>
      <vt:lpstr>表16-6</vt:lpstr>
      <vt:lpstr>表16-7</vt:lpstr>
      <vt:lpstr>表17-1</vt:lpstr>
      <vt:lpstr>表17-2</vt:lpstr>
      <vt:lpstr>表17-3</vt:lpstr>
      <vt:lpstr>表17-4</vt:lpstr>
      <vt:lpstr>表１・２!Print_Area</vt:lpstr>
      <vt:lpstr>'表11-1'!Print_Area</vt:lpstr>
      <vt:lpstr>'表11-2'!Print_Area</vt:lpstr>
      <vt:lpstr>'表11-3'!Print_Area</vt:lpstr>
      <vt:lpstr>表12!Print_Area</vt:lpstr>
      <vt:lpstr>表13!Print_Area</vt:lpstr>
      <vt:lpstr>表14!Print_Area</vt:lpstr>
      <vt:lpstr>'表15-1'!Print_Area</vt:lpstr>
      <vt:lpstr>'表15-2'!Print_Area</vt:lpstr>
      <vt:lpstr>'表15-3'!Print_Area</vt:lpstr>
      <vt:lpstr>'表15-4'!Print_Area</vt:lpstr>
      <vt:lpstr>'表15-5'!Print_Area</vt:lpstr>
      <vt:lpstr>'表15-6'!Print_Area</vt:lpstr>
      <vt:lpstr>'表15-7'!Print_Area</vt:lpstr>
      <vt:lpstr>'表17-1'!Print_Area</vt:lpstr>
      <vt:lpstr>'表17-2'!Print_Area</vt:lpstr>
      <vt:lpstr>'表17-3'!Print_Area</vt:lpstr>
      <vt:lpstr>'表17-4'!Print_Area</vt:lpstr>
      <vt:lpstr>表３!Print_Area</vt:lpstr>
      <vt:lpstr>表４・5!Print_Area</vt:lpstr>
      <vt:lpstr>表６!Print_Area</vt:lpstr>
      <vt:lpstr>表７!Print_Area</vt:lpstr>
      <vt:lpstr>表８!Print_Area</vt:lpstr>
      <vt:lpstr>表９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統計</dc:creator>
  <cp:lastModifiedBy>user</cp:lastModifiedBy>
  <cp:lastPrinted>2022-06-22T02:12:14Z</cp:lastPrinted>
  <dcterms:created xsi:type="dcterms:W3CDTF">2003-07-07T08:22:45Z</dcterms:created>
  <dcterms:modified xsi:type="dcterms:W3CDTF">2023-07-10T07:31:59Z</dcterms:modified>
</cp:coreProperties>
</file>